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MOV" ContentType="video/quicktime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theme/theme2.xml" ContentType="application/vnd.openxmlformats-officedocument.theme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theme/theme3.xml" ContentType="application/vnd.openxmlformats-officedocument.theme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theme/theme4.xml" ContentType="application/vnd.openxmlformats-officedocument.theme+xml"/>
  <Override PartName="/ppt/theme/theme5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41"/>
    <p:sldMasterId id="2147483698" r:id="rId42"/>
    <p:sldMasterId id="2147483713" r:id="rId43"/>
    <p:sldMasterId id="2147483730" r:id="rId44"/>
  </p:sldMasterIdLst>
  <p:notesMasterIdLst>
    <p:notesMasterId r:id="rId102"/>
  </p:notesMasterIdLst>
  <p:sldIdLst>
    <p:sldId id="2147470767" r:id="rId45"/>
    <p:sldId id="2147470781" r:id="rId46"/>
    <p:sldId id="776" r:id="rId47"/>
    <p:sldId id="774" r:id="rId48"/>
    <p:sldId id="2147470780" r:id="rId49"/>
    <p:sldId id="2147470783" r:id="rId50"/>
    <p:sldId id="812" r:id="rId51"/>
    <p:sldId id="761" r:id="rId52"/>
    <p:sldId id="2147470784" r:id="rId53"/>
    <p:sldId id="814" r:id="rId54"/>
    <p:sldId id="802" r:id="rId55"/>
    <p:sldId id="828" r:id="rId56"/>
    <p:sldId id="827" r:id="rId57"/>
    <p:sldId id="773" r:id="rId58"/>
    <p:sldId id="2147470787" r:id="rId59"/>
    <p:sldId id="830" r:id="rId60"/>
    <p:sldId id="843" r:id="rId61"/>
    <p:sldId id="767" r:id="rId62"/>
    <p:sldId id="2147470785" r:id="rId63"/>
    <p:sldId id="834" r:id="rId64"/>
    <p:sldId id="837" r:id="rId65"/>
    <p:sldId id="818" r:id="rId66"/>
    <p:sldId id="819" r:id="rId67"/>
    <p:sldId id="820" r:id="rId68"/>
    <p:sldId id="821" r:id="rId69"/>
    <p:sldId id="822" r:id="rId70"/>
    <p:sldId id="823" r:id="rId71"/>
    <p:sldId id="824" r:id="rId72"/>
    <p:sldId id="825" r:id="rId73"/>
    <p:sldId id="826" r:id="rId74"/>
    <p:sldId id="2147470786" r:id="rId75"/>
    <p:sldId id="277" r:id="rId76"/>
    <p:sldId id="2147470788" r:id="rId77"/>
    <p:sldId id="2147470789" r:id="rId78"/>
    <p:sldId id="829" r:id="rId79"/>
    <p:sldId id="2147470790" r:id="rId80"/>
    <p:sldId id="2147470791" r:id="rId81"/>
    <p:sldId id="2147470792" r:id="rId82"/>
    <p:sldId id="2147470793" r:id="rId83"/>
    <p:sldId id="2147470794" r:id="rId84"/>
    <p:sldId id="2147470795" r:id="rId85"/>
    <p:sldId id="2147470796" r:id="rId86"/>
    <p:sldId id="2147470797" r:id="rId87"/>
    <p:sldId id="2147470798" r:id="rId88"/>
    <p:sldId id="2147470799" r:id="rId89"/>
    <p:sldId id="2147470800" r:id="rId90"/>
    <p:sldId id="2147470801" r:id="rId91"/>
    <p:sldId id="2147470802" r:id="rId92"/>
    <p:sldId id="2147470803" r:id="rId93"/>
    <p:sldId id="2147470804" r:id="rId94"/>
    <p:sldId id="2147470805" r:id="rId95"/>
    <p:sldId id="841" r:id="rId96"/>
    <p:sldId id="276" r:id="rId97"/>
    <p:sldId id="274" r:id="rId98"/>
    <p:sldId id="838" r:id="rId99"/>
    <p:sldId id="280" r:id="rId100"/>
    <p:sldId id="839" r:id="rId101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8DED4"/>
    <a:srgbClr val="F5F1DF"/>
    <a:srgbClr val="E9E402"/>
    <a:srgbClr val="6BA58F"/>
    <a:srgbClr val="154053"/>
    <a:srgbClr val="97856F"/>
    <a:srgbClr val="EFE8E1"/>
    <a:srgbClr val="FCFAF6"/>
    <a:srgbClr val="E8C9BF"/>
    <a:srgbClr val="95917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645" autoAdjust="0"/>
  </p:normalViewPr>
  <p:slideViewPr>
    <p:cSldViewPr snapToGrid="0" showGuides="1">
      <p:cViewPr varScale="1">
        <p:scale>
          <a:sx n="88" d="100"/>
          <a:sy n="88" d="100"/>
        </p:scale>
        <p:origin x="198" y="8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687600" cy="6876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slideMaster" Target="slideMasters/slideMaster2.xml"/><Relationship Id="rId47" Type="http://schemas.openxmlformats.org/officeDocument/2006/relationships/slide" Target="slides/slide3.xml"/><Relationship Id="rId63" Type="http://schemas.openxmlformats.org/officeDocument/2006/relationships/slide" Target="slides/slide19.xml"/><Relationship Id="rId68" Type="http://schemas.openxmlformats.org/officeDocument/2006/relationships/slide" Target="slides/slide24.xml"/><Relationship Id="rId84" Type="http://schemas.openxmlformats.org/officeDocument/2006/relationships/slide" Target="slides/slide40.xml"/><Relationship Id="rId89" Type="http://schemas.openxmlformats.org/officeDocument/2006/relationships/slide" Target="slides/slide45.xml"/><Relationship Id="rId7" Type="http://schemas.openxmlformats.org/officeDocument/2006/relationships/customXml" Target="../customXml/item7.xml"/><Relationship Id="rId71" Type="http://schemas.openxmlformats.org/officeDocument/2006/relationships/slide" Target="slides/slide27.xml"/><Relationship Id="rId92" Type="http://schemas.openxmlformats.org/officeDocument/2006/relationships/slide" Target="slides/slide48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slide" Target="slides/slide1.xml"/><Relationship Id="rId53" Type="http://schemas.openxmlformats.org/officeDocument/2006/relationships/slide" Target="slides/slide9.xml"/><Relationship Id="rId58" Type="http://schemas.openxmlformats.org/officeDocument/2006/relationships/slide" Target="slides/slide14.xml"/><Relationship Id="rId66" Type="http://schemas.openxmlformats.org/officeDocument/2006/relationships/slide" Target="slides/slide22.xml"/><Relationship Id="rId74" Type="http://schemas.openxmlformats.org/officeDocument/2006/relationships/slide" Target="slides/slide30.xml"/><Relationship Id="rId79" Type="http://schemas.openxmlformats.org/officeDocument/2006/relationships/slide" Target="slides/slide35.xml"/><Relationship Id="rId87" Type="http://schemas.openxmlformats.org/officeDocument/2006/relationships/slide" Target="slides/slide43.xml"/><Relationship Id="rId102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61" Type="http://schemas.openxmlformats.org/officeDocument/2006/relationships/slide" Target="slides/slide17.xml"/><Relationship Id="rId82" Type="http://schemas.openxmlformats.org/officeDocument/2006/relationships/slide" Target="slides/slide38.xml"/><Relationship Id="rId90" Type="http://schemas.openxmlformats.org/officeDocument/2006/relationships/slide" Target="slides/slide46.xml"/><Relationship Id="rId95" Type="http://schemas.openxmlformats.org/officeDocument/2006/relationships/slide" Target="slides/slide5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Master" Target="slideMasters/slideMaster3.xml"/><Relationship Id="rId48" Type="http://schemas.openxmlformats.org/officeDocument/2006/relationships/slide" Target="slides/slide4.xml"/><Relationship Id="rId56" Type="http://schemas.openxmlformats.org/officeDocument/2006/relationships/slide" Target="slides/slide12.xml"/><Relationship Id="rId64" Type="http://schemas.openxmlformats.org/officeDocument/2006/relationships/slide" Target="slides/slide20.xml"/><Relationship Id="rId69" Type="http://schemas.openxmlformats.org/officeDocument/2006/relationships/slide" Target="slides/slide25.xml"/><Relationship Id="rId77" Type="http://schemas.openxmlformats.org/officeDocument/2006/relationships/slide" Target="slides/slide33.xml"/><Relationship Id="rId100" Type="http://schemas.openxmlformats.org/officeDocument/2006/relationships/slide" Target="slides/slide56.xml"/><Relationship Id="rId105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slide" Target="slides/slide7.xml"/><Relationship Id="rId72" Type="http://schemas.openxmlformats.org/officeDocument/2006/relationships/slide" Target="slides/slide28.xml"/><Relationship Id="rId80" Type="http://schemas.openxmlformats.org/officeDocument/2006/relationships/slide" Target="slides/slide36.xml"/><Relationship Id="rId85" Type="http://schemas.openxmlformats.org/officeDocument/2006/relationships/slide" Target="slides/slide41.xml"/><Relationship Id="rId93" Type="http://schemas.openxmlformats.org/officeDocument/2006/relationships/slide" Target="slides/slide49.xml"/><Relationship Id="rId98" Type="http://schemas.openxmlformats.org/officeDocument/2006/relationships/slide" Target="slides/slide54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2.xml"/><Relationship Id="rId59" Type="http://schemas.openxmlformats.org/officeDocument/2006/relationships/slide" Target="slides/slide15.xml"/><Relationship Id="rId67" Type="http://schemas.openxmlformats.org/officeDocument/2006/relationships/slide" Target="slides/slide23.xml"/><Relationship Id="rId103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slideMaster" Target="slideMasters/slideMaster1.xml"/><Relationship Id="rId54" Type="http://schemas.openxmlformats.org/officeDocument/2006/relationships/slide" Target="slides/slide10.xml"/><Relationship Id="rId62" Type="http://schemas.openxmlformats.org/officeDocument/2006/relationships/slide" Target="slides/slide18.xml"/><Relationship Id="rId70" Type="http://schemas.openxmlformats.org/officeDocument/2006/relationships/slide" Target="slides/slide26.xml"/><Relationship Id="rId75" Type="http://schemas.openxmlformats.org/officeDocument/2006/relationships/slide" Target="slides/slide31.xml"/><Relationship Id="rId83" Type="http://schemas.openxmlformats.org/officeDocument/2006/relationships/slide" Target="slides/slide39.xml"/><Relationship Id="rId88" Type="http://schemas.openxmlformats.org/officeDocument/2006/relationships/slide" Target="slides/slide44.xml"/><Relationship Id="rId91" Type="http://schemas.openxmlformats.org/officeDocument/2006/relationships/slide" Target="slides/slide47.xml"/><Relationship Id="rId96" Type="http://schemas.openxmlformats.org/officeDocument/2006/relationships/slide" Target="slides/slide5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5.xml"/><Relationship Id="rId57" Type="http://schemas.openxmlformats.org/officeDocument/2006/relationships/slide" Target="slides/slide13.xml"/><Relationship Id="rId10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Master" Target="slideMasters/slideMaster4.xml"/><Relationship Id="rId52" Type="http://schemas.openxmlformats.org/officeDocument/2006/relationships/slide" Target="slides/slide8.xml"/><Relationship Id="rId60" Type="http://schemas.openxmlformats.org/officeDocument/2006/relationships/slide" Target="slides/slide16.xml"/><Relationship Id="rId65" Type="http://schemas.openxmlformats.org/officeDocument/2006/relationships/slide" Target="slides/slide21.xml"/><Relationship Id="rId73" Type="http://schemas.openxmlformats.org/officeDocument/2006/relationships/slide" Target="slides/slide29.xml"/><Relationship Id="rId78" Type="http://schemas.openxmlformats.org/officeDocument/2006/relationships/slide" Target="slides/slide34.xml"/><Relationship Id="rId81" Type="http://schemas.openxmlformats.org/officeDocument/2006/relationships/slide" Target="slides/slide37.xml"/><Relationship Id="rId86" Type="http://schemas.openxmlformats.org/officeDocument/2006/relationships/slide" Target="slides/slide42.xml"/><Relationship Id="rId94" Type="http://schemas.openxmlformats.org/officeDocument/2006/relationships/slide" Target="slides/slide50.xml"/><Relationship Id="rId99" Type="http://schemas.openxmlformats.org/officeDocument/2006/relationships/slide" Target="slides/slide55.xml"/><Relationship Id="rId101" Type="http://schemas.openxmlformats.org/officeDocument/2006/relationships/slide" Target="slides/slide5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slide" Target="slides/slide6.xml"/><Relationship Id="rId55" Type="http://schemas.openxmlformats.org/officeDocument/2006/relationships/slide" Target="slides/slide11.xml"/><Relationship Id="rId76" Type="http://schemas.openxmlformats.org/officeDocument/2006/relationships/slide" Target="slides/slide32.xml"/><Relationship Id="rId97" Type="http://schemas.openxmlformats.org/officeDocument/2006/relationships/slide" Target="slides/slide53.xml"/><Relationship Id="rId104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24-04-2024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wmf"/><Relationship Id="rId4" Type="http://schemas.openxmlformats.org/officeDocument/2006/relationships/image" Target="../media/image1.png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.wmf"/><Relationship Id="rId5" Type="http://schemas.openxmlformats.org/officeDocument/2006/relationships/image" Target="../media/image1.png"/><Relationship Id="rId4" Type="http://schemas.openxmlformats.org/officeDocument/2006/relationships/image" Target="../media/image7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.emf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2.wmf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2.wmf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2.wmf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2.wmf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2.wmf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.emf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.emf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.emf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8.png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3.xml"/><Relationship Id="rId5" Type="http://schemas.openxmlformats.org/officeDocument/2006/relationships/image" Target="../media/image2.wmf"/><Relationship Id="rId4" Type="http://schemas.openxmlformats.org/officeDocument/2006/relationships/image" Target="../media/image1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4.xml"/><Relationship Id="rId6" Type="http://schemas.openxmlformats.org/officeDocument/2006/relationships/image" Target="../media/image2.wmf"/><Relationship Id="rId5" Type="http://schemas.openxmlformats.org/officeDocument/2006/relationships/image" Target="../media/image1.png"/><Relationship Id="rId4" Type="http://schemas.openxmlformats.org/officeDocument/2006/relationships/image" Target="../media/image7.png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4.xml"/><Relationship Id="rId6" Type="http://schemas.openxmlformats.org/officeDocument/2006/relationships/image" Target="../media/image2.wmf"/><Relationship Id="rId5" Type="http://schemas.openxmlformats.org/officeDocument/2006/relationships/image" Target="../media/image1.png"/><Relationship Id="rId4" Type="http://schemas.openxmlformats.org/officeDocument/2006/relationships/image" Target="../media/image7.png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2.wmf"/><Relationship Id="rId4" Type="http://schemas.openxmlformats.org/officeDocument/2006/relationships/image" Target="../media/image1.png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2.wmf"/><Relationship Id="rId4" Type="http://schemas.openxmlformats.org/officeDocument/2006/relationships/image" Target="../media/image1.png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2.wmf"/><Relationship Id="rId4" Type="http://schemas.openxmlformats.org/officeDocument/2006/relationships/image" Target="../media/image1.png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5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0.png"/><Relationship Id="rId7" Type="http://schemas.openxmlformats.org/officeDocument/2006/relationships/image" Target="../media/image16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4.xml"/><Relationship Id="rId6" Type="http://schemas.openxmlformats.org/officeDocument/2006/relationships/image" Target="../media/image15.png"/><Relationship Id="rId5" Type="http://schemas.openxmlformats.org/officeDocument/2006/relationships/image" Target="../media/image13.png"/><Relationship Id="rId10" Type="http://schemas.openxmlformats.org/officeDocument/2006/relationships/image" Target="../media/image14.png"/><Relationship Id="rId4" Type="http://schemas.openxmlformats.org/officeDocument/2006/relationships/image" Target="../media/image9.png"/><Relationship Id="rId9" Type="http://schemas.openxmlformats.org/officeDocument/2006/relationships/image" Target="../media/image18.png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1989138"/>
            <a:ext cx="10344675" cy="2160000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52000" y="4814967"/>
            <a:ext cx="10346400" cy="888504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57086396" name="image" descr="{&quot;templafy&quot;:{&quot;id&quot;:&quot;754ba77f-b5da-4407-8656-57c79a8ea61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4" name="Region">
            <a:extLst>
              <a:ext uri="{FF2B5EF4-FFF2-40B4-BE49-F238E27FC236}">
                <a16:creationId xmlns:a16="http://schemas.microsoft.com/office/drawing/2014/main" id="{4264E222-7F89-427F-9077-97857FEEDBA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914693956" name="image" descr="{&quot;templafy&quot;:{&quot;id&quot;:&quot;ae398d26-4441-4b75-b542-85b20b5c746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55" name="text" descr="{&quot;templafy&quot;:{&quot;id&quot;:&quot;c88d4356-6041-4df6-a902-cc7a886fdcf1&quot;}}" title="Form.PresentationTitle">
            <a:extLst>
              <a:ext uri="{FF2B5EF4-FFF2-40B4-BE49-F238E27FC236}">
                <a16:creationId xmlns:a16="http://schemas.microsoft.com/office/drawing/2014/main" id="{26CCEE09-1940-4B84-AA3B-6C98936107D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15916720" name="image" descr="{&quot;templafy&quot;:{&quot;id&quot;:&quot;b97b4f2c-64f8-40a1-a174-27225f91f57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62" name="text" descr="{&quot;templafy&quot;:{&quot;id&quot;:&quot;35288944-1d84-45f6-9b55-92758690a446&quot;}}" title="UserProfile.Name">
            <a:extLst>
              <a:ext uri="{FF2B5EF4-FFF2-40B4-BE49-F238E27FC236}">
                <a16:creationId xmlns:a16="http://schemas.microsoft.com/office/drawing/2014/main" id="{584E896C-977D-4568-97B6-954C88A8675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63" name="text" descr="{&quot;templafy&quot;:{&quot;id&quot;:&quot;b141daaa-969a-4aaa-9db9-9a42c2c67c85&quot;}}" hidden="1" title="Form.Manuel_dato">
            <a:extLst>
              <a:ext uri="{FF2B5EF4-FFF2-40B4-BE49-F238E27FC236}">
                <a16:creationId xmlns:a16="http://schemas.microsoft.com/office/drawing/2014/main" id="{5220AF03-0BE4-493E-995B-2DC52BC26ED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7" name="text" descr="{&quot;templafy&quot;:{&quot;id&quot;:&quot;94b4ff8f-f326-4ea0-9a72-6861af9808b3&quot;}}" title="UserProfile.Office.Virksomhed_{{DocumentLanguage}}">
            <a:extLst>
              <a:ext uri="{FF2B5EF4-FFF2-40B4-BE49-F238E27FC236}">
                <a16:creationId xmlns:a16="http://schemas.microsoft.com/office/drawing/2014/main" id="{AF1DDC1E-EB44-41C0-972F-24C6D8B6598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18" name="text" descr="{&quot;templafy&quot;:{&quot;id&quot;:&quot;4f474212-38fe-4ad7-bee7-e9ebbebc1e60&quot;}}" title="UserProfile.CenterFreeText">
            <a:extLst>
              <a:ext uri="{FF2B5EF4-FFF2-40B4-BE49-F238E27FC236}">
                <a16:creationId xmlns:a16="http://schemas.microsoft.com/office/drawing/2014/main" id="{D1B4B21F-4968-4852-A043-FFA88934D66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19" name="text" descr="{&quot;templafy&quot;:{&quot;id&quot;:&quot;b22b6c03-91b8-46b5-8d77-77df52cd3af0&quot;}}" hidden="1" title="UserProfile.Centers.Center_{{DocumentLanguage}}">
            <a:extLst>
              <a:ext uri="{FF2B5EF4-FFF2-40B4-BE49-F238E27FC236}">
                <a16:creationId xmlns:a16="http://schemas.microsoft.com/office/drawing/2014/main" id="{C6C8D8CA-5BC5-4028-8F39-6200B69828E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foto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2818800"/>
            <a:ext cx="5004000" cy="2880000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818000" indent="0">
              <a:buNone/>
              <a:defRPr>
                <a:solidFill>
                  <a:schemeClr val="bg1"/>
                </a:solidFill>
              </a:defRPr>
            </a:lvl6pPr>
            <a:lvl7pPr marL="2178000" indent="0">
              <a:buNone/>
              <a:defRPr>
                <a:solidFill>
                  <a:schemeClr val="bg1"/>
                </a:solidFill>
              </a:defRPr>
            </a:lvl7pPr>
            <a:lvl8pPr marL="2538000" indent="0">
              <a:buNone/>
              <a:defRPr>
                <a:solidFill>
                  <a:schemeClr val="bg1"/>
                </a:solidFill>
              </a:defRPr>
            </a:lvl8pPr>
            <a:lvl9pPr marL="2538000" indent="0"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Rektangel 34">
            <a:extLst>
              <a:ext uri="{FF2B5EF4-FFF2-40B4-BE49-F238E27FC236}">
                <a16:creationId xmlns:a16="http://schemas.microsoft.com/office/drawing/2014/main" id="{7ADED768-2D7F-4E0A-BAD8-00196E1791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36" name="text" descr="{&quot;templafy&quot;:{&quot;id&quot;:&quot;c3caf340-1be4-4788-ad53-cd0ba5b62563&quot;}}" title="Form.PresentationTitle">
            <a:extLst>
              <a:ext uri="{FF2B5EF4-FFF2-40B4-BE49-F238E27FC236}">
                <a16:creationId xmlns:a16="http://schemas.microsoft.com/office/drawing/2014/main" id="{0F3B5C39-E3DE-4759-AC37-93E64F68D4B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6" name="Pladsholder til billede 2">
            <a:extLst>
              <a:ext uri="{FF2B5EF4-FFF2-40B4-BE49-F238E27FC236}">
                <a16:creationId xmlns:a16="http://schemas.microsoft.com/office/drawing/2014/main" id="{D3766346-CE25-4EA9-AD04-6A45BEF1FB7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615160888" name="image" descr="{&quot;templafy&quot;:{&quot;id&quot;:&quot;27c1e5a0-fdcb-4f0f-8524-da39351347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8" name="Region">
            <a:extLst>
              <a:ext uri="{FF2B5EF4-FFF2-40B4-BE49-F238E27FC236}">
                <a16:creationId xmlns:a16="http://schemas.microsoft.com/office/drawing/2014/main" id="{F765A621-CA88-4B17-8B37-6DF379DA02F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13" name="text" descr="{&quot;templafy&quot;:{&quot;id&quot;:&quot;c96db0a3-12c1-4c15-8c64-e6ce256918ea&quot;}}" title="UserProfile.Office.Virksomhed_{{DocumentLanguage}}">
            <a:extLst>
              <a:ext uri="{FF2B5EF4-FFF2-40B4-BE49-F238E27FC236}">
                <a16:creationId xmlns:a16="http://schemas.microsoft.com/office/drawing/2014/main" id="{013F782C-AC7E-4694-89C6-44BAE68EE2F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14" name="text" descr="{&quot;templafy&quot;:{&quot;id&quot;:&quot;af5a15c6-05b1-4315-82f8-6c4ba128357a&quot;}}" title="UserProfile.CenterFreeText">
            <a:extLst>
              <a:ext uri="{FF2B5EF4-FFF2-40B4-BE49-F238E27FC236}">
                <a16:creationId xmlns:a16="http://schemas.microsoft.com/office/drawing/2014/main" id="{9FAE0A8C-B992-4304-ABA2-34C9333B12D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15" name="text" descr="{&quot;templafy&quot;:{&quot;id&quot;:&quot;85844513-7656-40aa-949a-dea4ada31c33&quot;}}" hidden="1" title="UserProfile.Centers.Center_{{DocumentLanguage}}">
            <a:extLst>
              <a:ext uri="{FF2B5EF4-FFF2-40B4-BE49-F238E27FC236}">
                <a16:creationId xmlns:a16="http://schemas.microsoft.com/office/drawing/2014/main" id="{AF15D1CE-6314-4CC0-93E4-C38641321D6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10346400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52000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52000" y="3747776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8854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9" name="Rektangel 38">
            <a:extLst>
              <a:ext uri="{FF2B5EF4-FFF2-40B4-BE49-F238E27FC236}">
                <a16:creationId xmlns:a16="http://schemas.microsoft.com/office/drawing/2014/main" id="{DEC7BC6A-DA03-4E0F-8EF3-057915E024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93083284" name="image" descr="{&quot;templafy&quot;:{&quot;id&quot;:&quot;dd8999be-8a2f-4230-b978-4dda384fd0b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9" name="Region">
            <a:extLst>
              <a:ext uri="{FF2B5EF4-FFF2-40B4-BE49-F238E27FC236}">
                <a16:creationId xmlns:a16="http://schemas.microsoft.com/office/drawing/2014/main" id="{D6B66E70-3EBD-40CE-9285-6EF0C94EFF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644142009" name="image" descr="{&quot;templafy&quot;:{&quot;id&quot;:&quot;12b7e618-099b-4a01-a929-2cb0d8160d7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8" name="Slide Number Placeholder 8">
            <a:extLst>
              <a:ext uri="{FF2B5EF4-FFF2-40B4-BE49-F238E27FC236}">
                <a16:creationId xmlns:a16="http://schemas.microsoft.com/office/drawing/2014/main" id="{E4A4B904-905A-4C0C-BA33-AFB6355E170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0" name="text" descr="{&quot;templafy&quot;:{&quot;id&quot;:&quot;9d85681e-749c-49c4-8029-cc3feee2bebe&quot;}}" title="Form.PresentationTitle">
            <a:extLst>
              <a:ext uri="{FF2B5EF4-FFF2-40B4-BE49-F238E27FC236}">
                <a16:creationId xmlns:a16="http://schemas.microsoft.com/office/drawing/2014/main" id="{4BB58F71-1D5A-415B-A1CC-E5D11542CA7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41" name="text" descr="{&quot;templafy&quot;:{&quot;id&quot;:&quot;a276f66a-5d41-40dc-a79a-c756db751065&quot;}}" title="UserProfile.Name">
            <a:extLst>
              <a:ext uri="{FF2B5EF4-FFF2-40B4-BE49-F238E27FC236}">
                <a16:creationId xmlns:a16="http://schemas.microsoft.com/office/drawing/2014/main" id="{D659E114-6BA4-491A-9D52-B8FC3E59DCF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42" name="text" descr="{&quot;templafy&quot;:{&quot;id&quot;:&quot;e3683ad2-6ad8-4fde-aa8e-d50d21fb051e&quot;}}" hidden="1" title="Form.Manuel_dato">
            <a:extLst>
              <a:ext uri="{FF2B5EF4-FFF2-40B4-BE49-F238E27FC236}">
                <a16:creationId xmlns:a16="http://schemas.microsoft.com/office/drawing/2014/main" id="{57B966F9-60E8-45A7-B769-1A3CD3E3AB9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38136110" name="image" descr="{&quot;templafy&quot;:{&quot;id&quot;:&quot;8600cc00-2448-45cc-9acd-e5eb0c1b808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20" name="text" descr="{&quot;templafy&quot;:{&quot;id&quot;:&quot;51830862-0536-4e56-90ae-fee84bc61f81&quot;}}" title="UserProfile.Office.Virksomhed_{{DocumentLanguage}}">
            <a:extLst>
              <a:ext uri="{FF2B5EF4-FFF2-40B4-BE49-F238E27FC236}">
                <a16:creationId xmlns:a16="http://schemas.microsoft.com/office/drawing/2014/main" id="{4981C58B-1F08-4848-AE9C-66870624ED50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21" name="text" descr="{&quot;templafy&quot;:{&quot;id&quot;:&quot;18398cbd-193b-42fe-bdc3-c5095b49f3ed&quot;}}" title="UserProfile.CenterFreeText">
            <a:extLst>
              <a:ext uri="{FF2B5EF4-FFF2-40B4-BE49-F238E27FC236}">
                <a16:creationId xmlns:a16="http://schemas.microsoft.com/office/drawing/2014/main" id="{881E35B0-3F5E-4623-9975-ABA0C7E065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a6c59b8-c9ca-4dff-ae28-0317d0217a31&quot;}}" hidden="1" title="UserProfile.Centers.Center_{{DocumentLanguage}}">
            <a:extLst>
              <a:ext uri="{FF2B5EF4-FFF2-40B4-BE49-F238E27FC236}">
                <a16:creationId xmlns:a16="http://schemas.microsoft.com/office/drawing/2014/main" id="{37185150-ECD9-4B7A-87E5-DB316C731D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7" name="text" descr="{&quot;templafy&quot;:{&quot;id&quot;:&quot;a91bb1eb-2ddf-48d6-8ff2-3b363f36a5f1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0" name="text" descr="{&quot;templafy&quot;:{&quot;id&quot;:&quot;7fccdec9-ee94-4260-b631-4ba2e0afd2e9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1769A6EF-4E5E-4A39-A521-C45A38A863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" descr="{&quot;templafy&quot;:{&quot;id&quot;:&quot;a73dd336-ee05-4b69-af68-53aa4dee3e6b&quot;}}" title="Form.PresentationTitle">
            <a:extLst>
              <a:ext uri="{FF2B5EF4-FFF2-40B4-BE49-F238E27FC236}">
                <a16:creationId xmlns:a16="http://schemas.microsoft.com/office/drawing/2014/main" id="{3D49943A-7D98-4706-8463-CD3DDC23BDC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2" name="text" descr="{&quot;templafy&quot;:{&quot;id&quot;:&quot;695e62b7-aa37-4094-b8c4-d41404ad224e&quot;}}" title="UserProfile.Name">
            <a:extLst>
              <a:ext uri="{FF2B5EF4-FFF2-40B4-BE49-F238E27FC236}">
                <a16:creationId xmlns:a16="http://schemas.microsoft.com/office/drawing/2014/main" id="{469D7F10-F7A4-4B70-A101-8CF53F89CD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3" name="text" descr="{&quot;templafy&quot;:{&quot;id&quot;:&quot;0b958bb8-e1de-40dd-acfd-c25bf2b07bd4&quot;}}" hidden="1" title="Form.Manuel_dato">
            <a:extLst>
              <a:ext uri="{FF2B5EF4-FFF2-40B4-BE49-F238E27FC236}">
                <a16:creationId xmlns:a16="http://schemas.microsoft.com/office/drawing/2014/main" id="{73FB61AB-8E3D-4A88-BFBD-399BB7549CC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05669707" name="image" descr="{&quot;templafy&quot;:{&quot;id&quot;:&quot;24eb6c5c-56d9-4566-981c-f65516f1a53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002242654" name="image" descr="{&quot;templafy&quot;:{&quot;id&quot;:&quot;6d0d9f4f-7871-4887-bbe7-f489f5101b6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452445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42f3c5c9-0cbe-4b0d-95c5-dd4a1dabae37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Herlev og Gentofte Hospital</a:t>
            </a:r>
          </a:p>
        </p:txBody>
      </p:sp>
      <p:sp>
        <p:nvSpPr>
          <p:cNvPr id="17" name="text" descr="{&quot;templafy&quot;:{&quot;id&quot;:&quot;bd78be96-fc9f-49ed-9a7a-b6868de853b3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471b7cc8-8c83-496d-b79f-3ce2324f3728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d83160f1-dd5d-4c0c-b0fe-e4b59fb0dde4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792251572" name="image" descr="{&quot;templafy&quot;:{&quot;id&quot;:&quot;bc3c3b77-6ef6-4bd1-b217-9c9f42cc75c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98545092" name="image" descr="{&quot;templafy&quot;:{&quot;id&quot;:&quot;2c0ffa7b-cc7a-4428-bcee-c4c6ee420cf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d26647da-3c4b-4bce-abb2-15e4829e3bb6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e7841c4e-71ec-44bc-8b96-1d72c519a1d8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98425135" name="image" descr="{&quot;templafy&quot;:{&quot;id&quot;:&quot;4e7fcc6a-08d2-48c8-a694-377899cba02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439547533" name="image" descr="{&quot;templafy&quot;:{&quot;id&quot;:&quot;5fa57b21-187e-49e2-b359-a0d9a026f39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37945483" name="image" descr="{&quot;templafy&quot;:{&quot;id&quot;:&quot;92557e74-301a-4b4a-b286-6d1030b1942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166728425" name="image" descr="{&quot;templafy&quot;:{&quot;id&quot;:&quot;068ff767-f53d-4f87-9e36-e9f2700ba53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101706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undertiteltypografien i masteren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136BB31-4A59-4FD9-AE79-DD80A6886BF2}" type="datetimeFigureOut">
              <a:rPr lang="da-DK" smtClean="0"/>
              <a:t>24-04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D0FB2E1-FA60-42FA-8B3A-02C72AFB62FE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1003978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455374917" name="image" descr="{&quot;templafy&quot;:{&quot;id&quot;:&quot;408ac499-e049-4d96-9f89-97924220644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996796786" name="image" descr="{&quot;templafy&quot;:{&quot;id&quot;:&quot;1fdb54ad-4150-44a0-a5aa-f4872b303c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2ceffdea-5420-461f-8284-dff8a149d7e3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c5e42712-0520-4cb5-903c-8e72dfa70d60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81736951" name="image" descr="{&quot;templafy&quot;:{&quot;id&quot;:&quot;993eaade-68f9-4e10-b44c-50f8ce2a798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09273098" name="image" descr="{&quot;templafy&quot;:{&quot;id&quot;:&quot;40197927-6d51-4626-8bc7-7a3a1b43d46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015718788" name="image" descr="{&quot;templafy&quot;:{&quot;id&quot;:&quot;ff557e5f-7af0-4d50-abf8-96a4ec8323f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8a9ae112-37d4-4696-8691-33edeb2546b3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29" name="text" descr="{&quot;templafy&quot;:{&quot;id&quot;:&quot;9c2cd51a-5aa0-4c8e-9d73-1a33b5278f89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34ca2fb1-1baa-466c-8a74-294e793b9341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5725b75e-3a8d-4e9d-a92c-c060923489d0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27300754" name="image" descr="{&quot;templafy&quot;:{&quot;id&quot;:&quot;380b287f-821d-4de7-bf58-80588a373e3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365903742" name="image" descr="{&quot;templafy&quot;:{&quot;id&quot;:&quot;c6d7eded-d4fc-438d-b1c7-be5f65b00a1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31570410" name="image" descr="{&quot;templafy&quot;:{&quot;id&quot;:&quot;f0bf12e2-e61b-4d04-9631-b9d0e54376d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5385407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1989138"/>
            <a:ext cx="10344675" cy="2160000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52000" y="4814967"/>
            <a:ext cx="10346400" cy="888504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57086396" name="image" descr="{&quot;templafy&quot;:{&quot;id&quot;:&quot;754ba77f-b5da-4407-8656-57c79a8ea61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4" name="Region">
            <a:extLst>
              <a:ext uri="{FF2B5EF4-FFF2-40B4-BE49-F238E27FC236}">
                <a16:creationId xmlns:a16="http://schemas.microsoft.com/office/drawing/2014/main" id="{4264E222-7F89-427F-9077-97857FEEDBA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914693956" name="image" descr="{&quot;templafy&quot;:{&quot;id&quot;:&quot;ae398d26-4441-4b75-b542-85b20b5c746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55" name="text" descr="{&quot;templafy&quot;:{&quot;id&quot;:&quot;c88d4356-6041-4df6-a902-cc7a886fdcf1&quot;}}" title="Form.PresentationTitle">
            <a:extLst>
              <a:ext uri="{FF2B5EF4-FFF2-40B4-BE49-F238E27FC236}">
                <a16:creationId xmlns:a16="http://schemas.microsoft.com/office/drawing/2014/main" id="{26CCEE09-1940-4B84-AA3B-6C98936107D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15916720" name="image" descr="{&quot;templafy&quot;:{&quot;id&quot;:&quot;b97b4f2c-64f8-40a1-a174-27225f91f57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62" name="text" descr="{&quot;templafy&quot;:{&quot;id&quot;:&quot;35288944-1d84-45f6-9b55-92758690a446&quot;}}" title="UserProfile.Name">
            <a:extLst>
              <a:ext uri="{FF2B5EF4-FFF2-40B4-BE49-F238E27FC236}">
                <a16:creationId xmlns:a16="http://schemas.microsoft.com/office/drawing/2014/main" id="{584E896C-977D-4568-97B6-954C88A8675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63" name="text" descr="{&quot;templafy&quot;:{&quot;id&quot;:&quot;b141daaa-969a-4aaa-9db9-9a42c2c67c85&quot;}}" hidden="1" title="Form.Manuel_dato">
            <a:extLst>
              <a:ext uri="{FF2B5EF4-FFF2-40B4-BE49-F238E27FC236}">
                <a16:creationId xmlns:a16="http://schemas.microsoft.com/office/drawing/2014/main" id="{5220AF03-0BE4-493E-995B-2DC52BC26ED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7" name="text" descr="{&quot;templafy&quot;:{&quot;id&quot;:&quot;94b4ff8f-f326-4ea0-9a72-6861af9808b3&quot;}}" title="UserProfile.Office.Virksomhed_{{DocumentLanguage}}">
            <a:extLst>
              <a:ext uri="{FF2B5EF4-FFF2-40B4-BE49-F238E27FC236}">
                <a16:creationId xmlns:a16="http://schemas.microsoft.com/office/drawing/2014/main" id="{AF1DDC1E-EB44-41C0-972F-24C6D8B6598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18" name="text" descr="{&quot;templafy&quot;:{&quot;id&quot;:&quot;4f474212-38fe-4ad7-bee7-e9ebbebc1e60&quot;}}" title="UserProfile.CenterFreeText">
            <a:extLst>
              <a:ext uri="{FF2B5EF4-FFF2-40B4-BE49-F238E27FC236}">
                <a16:creationId xmlns:a16="http://schemas.microsoft.com/office/drawing/2014/main" id="{D1B4B21F-4968-4852-A043-FFA88934D66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19" name="text" descr="{&quot;templafy&quot;:{&quot;id&quot;:&quot;b22b6c03-91b8-46b5-8d77-77df52cd3af0&quot;}}" hidden="1" title="UserProfile.Centers.Center_{{DocumentLanguage}}">
            <a:extLst>
              <a:ext uri="{FF2B5EF4-FFF2-40B4-BE49-F238E27FC236}">
                <a16:creationId xmlns:a16="http://schemas.microsoft.com/office/drawing/2014/main" id="{C6C8D8CA-5BC5-4028-8F39-6200B69828E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" name="text" descr="{&quot;templafy&quot;:{&quot;id&quot;:&quot;ae20edf6-3570-483f-9401-50566bf6803c&quot;}}" title="UserProfile.CenterFreeText">
            <a:extLst>
              <a:ext uri="{FF2B5EF4-FFF2-40B4-BE49-F238E27FC236}">
                <a16:creationId xmlns:a16="http://schemas.microsoft.com/office/drawing/2014/main" id="{EB2EDE8F-F787-EDDE-21B2-74A9165967AE}"/>
              </a:ext>
            </a:extLst>
          </p:cNvPr>
          <p:cNvSpPr txBox="1">
            <a:spLocks/>
          </p:cNvSpPr>
          <p:nvPr userDrawn="1"/>
        </p:nvSpPr>
        <p:spPr>
          <a:xfrm>
            <a:off x="1152000" y="359047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107DB2"/>
                </a:solidFill>
              </a:rPr>
              <a:t>Afdeling for Ældresygdomme</a:t>
            </a:r>
          </a:p>
        </p:txBody>
      </p:sp>
    </p:spTree>
    <p:extLst>
      <p:ext uri="{BB962C8B-B14F-4D97-AF65-F5344CB8AC3E}">
        <p14:creationId xmlns:p14="http://schemas.microsoft.com/office/powerpoint/2010/main" val="102129586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Billede 19">
            <a:extLst>
              <a:ext uri="{FF2B5EF4-FFF2-40B4-BE49-F238E27FC236}">
                <a16:creationId xmlns:a16="http://schemas.microsoft.com/office/drawing/2014/main" id="{F7A081C1-7CD1-4685-832C-28DE372A12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2912" y="826606"/>
            <a:ext cx="12191999" cy="3546957"/>
          </a:xfrm>
          <a:prstGeom prst="rect">
            <a:avLst/>
          </a:prstGeom>
        </p:spPr>
      </p:pic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4669163"/>
            <a:ext cx="10346400" cy="1028375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29" name="Pladsholder til billede 5">
            <a:extLst>
              <a:ext uri="{FF2B5EF4-FFF2-40B4-BE49-F238E27FC236}">
                <a16:creationId xmlns:a16="http://schemas.microsoft.com/office/drawing/2014/main" id="{0A83329D-1949-4780-8B55-301D3A3E7D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26606"/>
            <a:ext cx="12192000" cy="3546956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pic>
        <p:nvPicPr>
          <p:cNvPr id="1154882732" name="image" descr="{&quot;templafy&quot;:{&quot;id&quot;:&quot;c6312a4a-149e-4d27-a6c5-696c2a9ce1c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0" name="Region">
            <a:extLst>
              <a:ext uri="{FF2B5EF4-FFF2-40B4-BE49-F238E27FC236}">
                <a16:creationId xmlns:a16="http://schemas.microsoft.com/office/drawing/2014/main" id="{6C582E96-8B0B-4CDC-B086-BF58A9BD065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19" name="Slide Number Placeholder 8">
            <a:extLst>
              <a:ext uri="{FF2B5EF4-FFF2-40B4-BE49-F238E27FC236}">
                <a16:creationId xmlns:a16="http://schemas.microsoft.com/office/drawing/2014/main" id="{E618ED69-F710-4A81-83DF-82BB556161A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22090540" name="image" descr="{&quot;templafy&quot;:{&quot;id&quot;:&quot;8686efc7-24af-4fa8-9501-18e5000e5e7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6" name="text" descr="{&quot;templafy&quot;:{&quot;id&quot;:&quot;80f47b6c-5f73-47a9-9dc4-b867c6f358ec&quot;}}" title="Form.PresentationTitle">
            <a:extLst>
              <a:ext uri="{FF2B5EF4-FFF2-40B4-BE49-F238E27FC236}">
                <a16:creationId xmlns:a16="http://schemas.microsoft.com/office/drawing/2014/main" id="{419B8D28-E272-4D2B-85E0-D59E485D09D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38" name="text" descr="{&quot;templafy&quot;:{&quot;id&quot;:&quot;4d04e6d3-fe00-4099-8bdf-92b65800a38b&quot;}}" title="UserProfile.Name">
            <a:extLst>
              <a:ext uri="{FF2B5EF4-FFF2-40B4-BE49-F238E27FC236}">
                <a16:creationId xmlns:a16="http://schemas.microsoft.com/office/drawing/2014/main" id="{DAC55F5A-4945-4564-8F1A-CD5342567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39" name="text" descr="{&quot;templafy&quot;:{&quot;id&quot;:&quot;60cb7b29-cb61-4341-8cdc-4260978d3f2a&quot;}}" hidden="1" title="Form.Manuel_dato">
            <a:extLst>
              <a:ext uri="{FF2B5EF4-FFF2-40B4-BE49-F238E27FC236}">
                <a16:creationId xmlns:a16="http://schemas.microsoft.com/office/drawing/2014/main" id="{7E183441-C0DC-44F9-B6BF-90FE6C73046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462089552" name="image" descr="{&quot;templafy&quot;:{&quot;id&quot;:&quot;6bc96e6d-2860-4979-933b-635588ccee0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77ede687-4d8d-4ae2-a109-ce9576b11fbf&quot;}}" title="UserProfile.Office.Virksomhed_{{DocumentLanguage}}">
            <a:extLst>
              <a:ext uri="{FF2B5EF4-FFF2-40B4-BE49-F238E27FC236}">
                <a16:creationId xmlns:a16="http://schemas.microsoft.com/office/drawing/2014/main" id="{860777C0-F7F1-457A-AEE7-CF3F3AC762B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17" name="text" descr="{&quot;templafy&quot;:{&quot;id&quot;:&quot;15d76d63-5345-42d0-a798-af1eb9ab83db&quot;}}" title="UserProfile.CenterFreeText">
            <a:extLst>
              <a:ext uri="{FF2B5EF4-FFF2-40B4-BE49-F238E27FC236}">
                <a16:creationId xmlns:a16="http://schemas.microsoft.com/office/drawing/2014/main" id="{9604DA75-EF19-4503-A58D-4CC33FE9F09A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18" name="text" descr="{&quot;templafy&quot;:{&quot;id&quot;:&quot;af838b95-b99f-4983-aa46-b8cde4844761&quot;}}" hidden="1" title="UserProfile.Centers.Center_{{DocumentLanguage}}">
            <a:extLst>
              <a:ext uri="{FF2B5EF4-FFF2-40B4-BE49-F238E27FC236}">
                <a16:creationId xmlns:a16="http://schemas.microsoft.com/office/drawing/2014/main" id="{13F569BD-45D0-44E8-88DC-155DAB28B96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5CC6AF3E-3305-E4CA-2FCB-3E2A9FFE0947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  <p:sp>
        <p:nvSpPr>
          <p:cNvPr id="4" name="text" descr="{&quot;templafy&quot;:{&quot;id&quot;:&quot;ae20edf6-3570-483f-9401-50566bf6803c&quot;}}" title="UserProfile.CenterFreeText">
            <a:extLst>
              <a:ext uri="{FF2B5EF4-FFF2-40B4-BE49-F238E27FC236}">
                <a16:creationId xmlns:a16="http://schemas.microsoft.com/office/drawing/2014/main" id="{6F3B865D-212B-DB40-11D3-4D0FC00F3807}"/>
              </a:ext>
            </a:extLst>
          </p:cNvPr>
          <p:cNvSpPr txBox="1">
            <a:spLocks/>
          </p:cNvSpPr>
          <p:nvPr userDrawn="1"/>
        </p:nvSpPr>
        <p:spPr>
          <a:xfrm>
            <a:off x="1152000" y="359047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107DB2"/>
                </a:solidFill>
              </a:rPr>
              <a:t>Afdeling for Ældresygdomme</a:t>
            </a:r>
          </a:p>
        </p:txBody>
      </p:sp>
    </p:spTree>
    <p:extLst>
      <p:ext uri="{BB962C8B-B14F-4D97-AF65-F5344CB8AC3E}">
        <p14:creationId xmlns:p14="http://schemas.microsoft.com/office/powerpoint/2010/main" val="155893875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872716"/>
            <a:ext cx="10344675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10344674" cy="37084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7" name="text" descr="{&quot;templafy&quot;:{&quot;id&quot;:&quot;e5fd3f2a-def9-4812-8e10-cbbc84bffed6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3" name="text" descr="{&quot;templafy&quot;:{&quot;id&quot;:&quot;3c0df4c3-b878-4744-82e1-7829351f7eea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53056516" name="image" descr="{&quot;templafy&quot;:{&quot;id&quot;:&quot;e0881a7d-8ac8-491c-9b52-2686eecd6fc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991553437" name="image" descr="{&quot;templafy&quot;:{&quot;id&quot;:&quot;38b133ee-921b-46e4-bc3b-4e609660e84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5" name="Region">
            <a:extLst>
              <a:ext uri="{FF2B5EF4-FFF2-40B4-BE49-F238E27FC236}">
                <a16:creationId xmlns:a16="http://schemas.microsoft.com/office/drawing/2014/main" id="{C37A18B1-4A7D-4F03-828C-B60E0027748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51" name="Slide Number Placeholder 6">
            <a:extLst>
              <a:ext uri="{FF2B5EF4-FFF2-40B4-BE49-F238E27FC236}">
                <a16:creationId xmlns:a16="http://schemas.microsoft.com/office/drawing/2014/main" id="{640BE87F-6960-413A-9C5E-84308D84E6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396107261" name="image" descr="{&quot;templafy&quot;:{&quot;id&quot;:&quot;b315e8a2-b5df-4b55-a676-be4fb5d4ca2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53" name="text" descr="{&quot;templafy&quot;:{&quot;id&quot;:&quot;7bb89720-2d9f-4ffc-9716-96077602d46a&quot;}}" title="Form.PresentationTitle">
            <a:extLst>
              <a:ext uri="{FF2B5EF4-FFF2-40B4-BE49-F238E27FC236}">
                <a16:creationId xmlns:a16="http://schemas.microsoft.com/office/drawing/2014/main" id="{E92362F4-BC5C-480F-8FBA-FBB9411877E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56" name="text" descr="{&quot;templafy&quot;:{&quot;id&quot;:&quot;a08337dd-ccdd-4aca-8e37-dcdf6028b397&quot;}}" title="UserProfile.Name">
            <a:extLst>
              <a:ext uri="{FF2B5EF4-FFF2-40B4-BE49-F238E27FC236}">
                <a16:creationId xmlns:a16="http://schemas.microsoft.com/office/drawing/2014/main" id="{ED060585-3B53-4968-A762-90952BC55CD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57" name="text" descr="{&quot;templafy&quot;:{&quot;id&quot;:&quot;97a73570-3edd-40e2-859f-fa0ad512adba&quot;}}" hidden="1" title="Form.Manuel_dato">
            <a:extLst>
              <a:ext uri="{FF2B5EF4-FFF2-40B4-BE49-F238E27FC236}">
                <a16:creationId xmlns:a16="http://schemas.microsoft.com/office/drawing/2014/main" id="{FD95FAF6-8132-4B0C-BCA3-CE38E1738DD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7" name="text" descr="{&quot;templafy&quot;:{&quot;id&quot;:&quot;bd19b99a-33f7-428b-b19f-d7869a57f4ea&quot;}}" title="UserProfile.Office.Virksomhed_{{DocumentLanguage}}">
            <a:extLst>
              <a:ext uri="{FF2B5EF4-FFF2-40B4-BE49-F238E27FC236}">
                <a16:creationId xmlns:a16="http://schemas.microsoft.com/office/drawing/2014/main" id="{FCCF94AB-BF37-4D0D-87BA-80169642543D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18" name="text" descr="{&quot;templafy&quot;:{&quot;id&quot;:&quot;c6203039-2ff4-449d-86cf-a1fd34da7094&quot;}}" title="UserProfile.CenterFreeText">
            <a:extLst>
              <a:ext uri="{FF2B5EF4-FFF2-40B4-BE49-F238E27FC236}">
                <a16:creationId xmlns:a16="http://schemas.microsoft.com/office/drawing/2014/main" id="{64BF01B1-55FB-4769-902B-6A720F55A48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0" name="text" descr="{&quot;templafy&quot;:{&quot;id&quot;:&quot;80d900cc-bb37-4714-9be0-70b1183baad9&quot;}}" hidden="1" title="UserProfile.Centers.Center_{{DocumentLanguage}}">
            <a:extLst>
              <a:ext uri="{FF2B5EF4-FFF2-40B4-BE49-F238E27FC236}">
                <a16:creationId xmlns:a16="http://schemas.microsoft.com/office/drawing/2014/main" id="{3560368B-5FF3-4B58-BAB6-37D70083D7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E4E031A1-468C-0613-09A4-233DC23887E4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  <p:sp>
        <p:nvSpPr>
          <p:cNvPr id="4" name="text" descr="{&quot;templafy&quot;:{&quot;id&quot;:&quot;ae20edf6-3570-483f-9401-50566bf6803c&quot;}}" title="UserProfile.CenterFreeText">
            <a:extLst>
              <a:ext uri="{FF2B5EF4-FFF2-40B4-BE49-F238E27FC236}">
                <a16:creationId xmlns:a16="http://schemas.microsoft.com/office/drawing/2014/main" id="{D477D2D7-F35D-E110-B9F6-6DB5583572DC}"/>
              </a:ext>
            </a:extLst>
          </p:cNvPr>
          <p:cNvSpPr txBox="1">
            <a:spLocks/>
          </p:cNvSpPr>
          <p:nvPr userDrawn="1"/>
        </p:nvSpPr>
        <p:spPr>
          <a:xfrm>
            <a:off x="1152000" y="359047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107DB2"/>
                </a:solidFill>
              </a:rPr>
              <a:t>Afdeling for Ældresygdomme</a:t>
            </a:r>
          </a:p>
        </p:txBody>
      </p:sp>
    </p:spTree>
    <p:extLst>
      <p:ext uri="{BB962C8B-B14F-4D97-AF65-F5344CB8AC3E}">
        <p14:creationId xmlns:p14="http://schemas.microsoft.com/office/powerpoint/2010/main" val="384103456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871200"/>
            <a:ext cx="103464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5005387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8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1" name="text" descr="{&quot;templafy&quot;:{&quot;id&quot;:&quot;19b996e8-f6be-4482-98c7-d89a2e0c2ae5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7" name="text" descr="{&quot;templafy&quot;:{&quot;id&quot;:&quot;d5e5a1ee-e3b4-4213-a11b-ebc48433ab9c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65887966-4CCE-471B-BD8A-22BDDF4D84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310474764" name="image" descr="{&quot;templafy&quot;:{&quot;id&quot;:&quot;b61d8fda-c831-4421-9223-1b861fafda3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677388570" name="image" descr="{&quot;templafy&quot;:{&quot;id&quot;:&quot;172ade11-9174-4c3e-9ef7-7cdfe1c3a4f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8" name="Region">
            <a:extLst>
              <a:ext uri="{FF2B5EF4-FFF2-40B4-BE49-F238E27FC236}">
                <a16:creationId xmlns:a16="http://schemas.microsoft.com/office/drawing/2014/main" id="{204795E4-6032-49BD-B627-A96652E1E21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39" name="Slide Number Placeholder 6">
            <a:extLst>
              <a:ext uri="{FF2B5EF4-FFF2-40B4-BE49-F238E27FC236}">
                <a16:creationId xmlns:a16="http://schemas.microsoft.com/office/drawing/2014/main" id="{F1BF98B3-A287-40EC-A13F-887DF8949C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920168602" name="image" descr="{&quot;templafy&quot;:{&quot;id&quot;:&quot;45f78145-74a6-48bb-a750-eb9ed699130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1" name="text" descr="{&quot;templafy&quot;:{&quot;id&quot;:&quot;408ed52f-0fe7-4550-a519-4760842ba231&quot;}}" title="Form.PresentationTitle">
            <a:extLst>
              <a:ext uri="{FF2B5EF4-FFF2-40B4-BE49-F238E27FC236}">
                <a16:creationId xmlns:a16="http://schemas.microsoft.com/office/drawing/2014/main" id="{73667E37-F6A1-4BF0-9D4E-71303A9A91B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2" name="text" descr="{&quot;templafy&quot;:{&quot;id&quot;:&quot;907e693b-46f2-4fd4-a613-08bd3f8323ed&quot;}}" title="UserProfile.Name">
            <a:extLst>
              <a:ext uri="{FF2B5EF4-FFF2-40B4-BE49-F238E27FC236}">
                <a16:creationId xmlns:a16="http://schemas.microsoft.com/office/drawing/2014/main" id="{5B212BE7-A151-4491-A211-020E39C1524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3" name="text" descr="{&quot;templafy&quot;:{&quot;id&quot;:&quot;d715f124-85b4-4e0c-87b2-1f79bf7a84de&quot;}}" hidden="1" title="Form.Manuel_dato">
            <a:extLst>
              <a:ext uri="{FF2B5EF4-FFF2-40B4-BE49-F238E27FC236}">
                <a16:creationId xmlns:a16="http://schemas.microsoft.com/office/drawing/2014/main" id="{9C8BDA12-0BCE-459B-A4A9-4F052A9FEF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text" descr="{&quot;templafy&quot;:{&quot;id&quot;:&quot;ddee8dde-d2dd-42fb-9346-bcb30946e644&quot;}}" title="UserProfile.Office.Virksomhed_{{DocumentLanguage}}">
            <a:extLst>
              <a:ext uri="{FF2B5EF4-FFF2-40B4-BE49-F238E27FC236}">
                <a16:creationId xmlns:a16="http://schemas.microsoft.com/office/drawing/2014/main" id="{77609BCA-1AB4-4F17-A931-E7C69B20BBF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21" name="text" descr="{&quot;templafy&quot;:{&quot;id&quot;:&quot;ea4c597f-fead-47a2-af7e-26ad05e2ae76&quot;}}" title="UserProfile.CenterFreeText">
            <a:extLst>
              <a:ext uri="{FF2B5EF4-FFF2-40B4-BE49-F238E27FC236}">
                <a16:creationId xmlns:a16="http://schemas.microsoft.com/office/drawing/2014/main" id="{2F6F7767-7180-4818-8F36-B6B0E5CC3C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3" name="text" descr="{&quot;templafy&quot;:{&quot;id&quot;:&quot;6d7e9ced-43e8-4ece-b46e-96dd1c9b1ca3&quot;}}" hidden="1" title="UserProfile.Centers.Center_{{DocumentLanguage}}">
            <a:extLst>
              <a:ext uri="{FF2B5EF4-FFF2-40B4-BE49-F238E27FC236}">
                <a16:creationId xmlns:a16="http://schemas.microsoft.com/office/drawing/2014/main" id="{010CC1B3-6BC4-4D56-BDF9-A4D6585E2FA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4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25747FC1-BEBD-9DFC-EEAB-AE0818DCF68A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  <p:sp>
        <p:nvSpPr>
          <p:cNvPr id="5" name="text" descr="{&quot;templafy&quot;:{&quot;id&quot;:&quot;ae20edf6-3570-483f-9401-50566bf6803c&quot;}}" title="UserProfile.CenterFreeText">
            <a:extLst>
              <a:ext uri="{FF2B5EF4-FFF2-40B4-BE49-F238E27FC236}">
                <a16:creationId xmlns:a16="http://schemas.microsoft.com/office/drawing/2014/main" id="{A0ED186E-EDAE-4FC4-1005-6CDE1E0F2604}"/>
              </a:ext>
            </a:extLst>
          </p:cNvPr>
          <p:cNvSpPr txBox="1">
            <a:spLocks/>
          </p:cNvSpPr>
          <p:nvPr userDrawn="1"/>
        </p:nvSpPr>
        <p:spPr>
          <a:xfrm>
            <a:off x="1152000" y="359047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107DB2"/>
                </a:solidFill>
              </a:rPr>
              <a:t>Afdeling for Ældresygdomme</a:t>
            </a:r>
          </a:p>
        </p:txBody>
      </p:sp>
    </p:spTree>
    <p:extLst>
      <p:ext uri="{BB962C8B-B14F-4D97-AF65-F5344CB8AC3E}">
        <p14:creationId xmlns:p14="http://schemas.microsoft.com/office/powerpoint/2010/main" val="203331788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Billede 19">
            <a:extLst>
              <a:ext uri="{FF2B5EF4-FFF2-40B4-BE49-F238E27FC236}">
                <a16:creationId xmlns:a16="http://schemas.microsoft.com/office/drawing/2014/main" id="{F7A081C1-7CD1-4685-832C-28DE372A12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2912" y="826606"/>
            <a:ext cx="12191999" cy="3546957"/>
          </a:xfrm>
          <a:prstGeom prst="rect">
            <a:avLst/>
          </a:prstGeom>
        </p:spPr>
      </p:pic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4669163"/>
            <a:ext cx="10346400" cy="1028375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29" name="Pladsholder til billede 5">
            <a:extLst>
              <a:ext uri="{FF2B5EF4-FFF2-40B4-BE49-F238E27FC236}">
                <a16:creationId xmlns:a16="http://schemas.microsoft.com/office/drawing/2014/main" id="{0A83329D-1949-4780-8B55-301D3A3E7D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26606"/>
            <a:ext cx="12192000" cy="3546956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pic>
        <p:nvPicPr>
          <p:cNvPr id="1154882732" name="image" descr="{&quot;templafy&quot;:{&quot;id&quot;:&quot;c6312a4a-149e-4d27-a6c5-696c2a9ce1c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0" name="Region">
            <a:extLst>
              <a:ext uri="{FF2B5EF4-FFF2-40B4-BE49-F238E27FC236}">
                <a16:creationId xmlns:a16="http://schemas.microsoft.com/office/drawing/2014/main" id="{6C582E96-8B0B-4CDC-B086-BF58A9BD065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19" name="Slide Number Placeholder 8">
            <a:extLst>
              <a:ext uri="{FF2B5EF4-FFF2-40B4-BE49-F238E27FC236}">
                <a16:creationId xmlns:a16="http://schemas.microsoft.com/office/drawing/2014/main" id="{E618ED69-F710-4A81-83DF-82BB556161A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22090540" name="image" descr="{&quot;templafy&quot;:{&quot;id&quot;:&quot;8686efc7-24af-4fa8-9501-18e5000e5e7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6" name="text" descr="{&quot;templafy&quot;:{&quot;id&quot;:&quot;80f47b6c-5f73-47a9-9dc4-b867c6f358ec&quot;}}" title="Form.PresentationTitle">
            <a:extLst>
              <a:ext uri="{FF2B5EF4-FFF2-40B4-BE49-F238E27FC236}">
                <a16:creationId xmlns:a16="http://schemas.microsoft.com/office/drawing/2014/main" id="{419B8D28-E272-4D2B-85E0-D59E485D09D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38" name="text" descr="{&quot;templafy&quot;:{&quot;id&quot;:&quot;4d04e6d3-fe00-4099-8bdf-92b65800a38b&quot;}}" title="UserProfile.Name">
            <a:extLst>
              <a:ext uri="{FF2B5EF4-FFF2-40B4-BE49-F238E27FC236}">
                <a16:creationId xmlns:a16="http://schemas.microsoft.com/office/drawing/2014/main" id="{DAC55F5A-4945-4564-8F1A-CD5342567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39" name="text" descr="{&quot;templafy&quot;:{&quot;id&quot;:&quot;60cb7b29-cb61-4341-8cdc-4260978d3f2a&quot;}}" hidden="1" title="Form.Manuel_dato">
            <a:extLst>
              <a:ext uri="{FF2B5EF4-FFF2-40B4-BE49-F238E27FC236}">
                <a16:creationId xmlns:a16="http://schemas.microsoft.com/office/drawing/2014/main" id="{7E183441-C0DC-44F9-B6BF-90FE6C73046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462089552" name="image" descr="{&quot;templafy&quot;:{&quot;id&quot;:&quot;6bc96e6d-2860-4979-933b-635588ccee0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77ede687-4d8d-4ae2-a109-ce9576b11fbf&quot;}}" title="UserProfile.Office.Virksomhed_{{DocumentLanguage}}">
            <a:extLst>
              <a:ext uri="{FF2B5EF4-FFF2-40B4-BE49-F238E27FC236}">
                <a16:creationId xmlns:a16="http://schemas.microsoft.com/office/drawing/2014/main" id="{860777C0-F7F1-457A-AEE7-CF3F3AC762B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17" name="text" descr="{&quot;templafy&quot;:{&quot;id&quot;:&quot;15d76d63-5345-42d0-a798-af1eb9ab83db&quot;}}" title="UserProfile.CenterFreeText">
            <a:extLst>
              <a:ext uri="{FF2B5EF4-FFF2-40B4-BE49-F238E27FC236}">
                <a16:creationId xmlns:a16="http://schemas.microsoft.com/office/drawing/2014/main" id="{9604DA75-EF19-4503-A58D-4CC33FE9F09A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18" name="text" descr="{&quot;templafy&quot;:{&quot;id&quot;:&quot;af838b95-b99f-4983-aa46-b8cde4844761&quot;}}" hidden="1" title="UserProfile.Centers.Center_{{DocumentLanguage}}">
            <a:extLst>
              <a:ext uri="{FF2B5EF4-FFF2-40B4-BE49-F238E27FC236}">
                <a16:creationId xmlns:a16="http://schemas.microsoft.com/office/drawing/2014/main" id="{13F569BD-45D0-44E8-88DC-155DAB28B96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spalte &amp;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1152000" y="2818800"/>
            <a:ext cx="5004000" cy="2880399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119b70a5-42bd-498d-baf8-8cb5140ac1ec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6" name="text" descr="{&quot;templafy&quot;:{&quot;id&quot;:&quot;e6557669-16f1-4b9d-a9d4-8fe8fd9f6172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2D105E57-125C-464E-8C81-859B094C19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72646524" name="image" descr="{&quot;templafy&quot;:{&quot;id&quot;:&quot;36afc9fd-4b81-4160-9272-db073a46b71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2115139217" name="image" descr="{&quot;templafy&quot;:{&quot;id&quot;:&quot;ab51f406-5e1f-4a9d-a7fa-d83b66642b4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2" name="Region">
            <a:extLst>
              <a:ext uri="{FF2B5EF4-FFF2-40B4-BE49-F238E27FC236}">
                <a16:creationId xmlns:a16="http://schemas.microsoft.com/office/drawing/2014/main" id="{0035DACC-BB11-47B8-9068-0372568AF13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43" name="Slide Number Placeholder 6">
            <a:extLst>
              <a:ext uri="{FF2B5EF4-FFF2-40B4-BE49-F238E27FC236}">
                <a16:creationId xmlns:a16="http://schemas.microsoft.com/office/drawing/2014/main" id="{28AA4E73-DE2B-4DB0-B568-040DDF5B56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338550822" name="image" descr="{&quot;templafy&quot;:{&quot;id&quot;:&quot;27b20f65-8ba2-42fa-b63d-968dde996dc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5" name="text" descr="{&quot;templafy&quot;:{&quot;id&quot;:&quot;85537f41-bcbc-4774-9249-57bf650969fe&quot;}}" title="Form.PresentationTitle">
            <a:extLst>
              <a:ext uri="{FF2B5EF4-FFF2-40B4-BE49-F238E27FC236}">
                <a16:creationId xmlns:a16="http://schemas.microsoft.com/office/drawing/2014/main" id="{F6A741A6-1F1B-4975-9DF8-0D2B18CE3A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6" name="text" descr="{&quot;templafy&quot;:{&quot;id&quot;:&quot;ea9065ea-7ad5-4e67-bd7d-7656af2675ab&quot;}}" title="UserProfile.Name">
            <a:extLst>
              <a:ext uri="{FF2B5EF4-FFF2-40B4-BE49-F238E27FC236}">
                <a16:creationId xmlns:a16="http://schemas.microsoft.com/office/drawing/2014/main" id="{31633B78-D79D-4BE3-81F4-2300E6F35B0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7" name="text" descr="{&quot;templafy&quot;:{&quot;id&quot;:&quot;bb229a5c-9ee4-42e9-83ad-5d405387a2ab&quot;}}" hidden="1" title="Form.Manuel_dato">
            <a:extLst>
              <a:ext uri="{FF2B5EF4-FFF2-40B4-BE49-F238E27FC236}">
                <a16:creationId xmlns:a16="http://schemas.microsoft.com/office/drawing/2014/main" id="{DE3AD450-99A6-437D-A389-A29CD5F76C9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Pladsholder til billede 2">
            <a:extLst>
              <a:ext uri="{FF2B5EF4-FFF2-40B4-BE49-F238E27FC236}">
                <a16:creationId xmlns:a16="http://schemas.microsoft.com/office/drawing/2014/main" id="{3D1A3B3E-9C37-485F-B307-A3497BB72B8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27" name="text" descr="{&quot;templafy&quot;:{&quot;id&quot;:&quot;313a50ef-b5b1-43f4-8830-3fbb79ec8ad7&quot;}}" title="UserProfile.Office.Virksomhed_{{DocumentLanguage}}">
            <a:extLst>
              <a:ext uri="{FF2B5EF4-FFF2-40B4-BE49-F238E27FC236}">
                <a16:creationId xmlns:a16="http://schemas.microsoft.com/office/drawing/2014/main" id="{E221E22D-041F-4D0F-A6D1-659CB6E986A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28" name="text" descr="{&quot;templafy&quot;:{&quot;id&quot;:&quot;1ca83e5a-0006-43da-92b9-b3a1f235adce&quot;}}" title="UserProfile.CenterFreeText">
            <a:extLst>
              <a:ext uri="{FF2B5EF4-FFF2-40B4-BE49-F238E27FC236}">
                <a16:creationId xmlns:a16="http://schemas.microsoft.com/office/drawing/2014/main" id="{02BF42D2-A618-4A52-937B-A533EA495EB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9" name="text" descr="{&quot;templafy&quot;:{&quot;id&quot;:&quot;63a80829-494d-49a6-8da2-ad238e3d53bf&quot;}}" hidden="1" title="UserProfile.Centers.Center_{{DocumentLanguage}}">
            <a:extLst>
              <a:ext uri="{FF2B5EF4-FFF2-40B4-BE49-F238E27FC236}">
                <a16:creationId xmlns:a16="http://schemas.microsoft.com/office/drawing/2014/main" id="{0157B927-C286-498C-984E-A14B19B58AD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4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91B7C009-CD73-C372-BA4D-3352063E488A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  <p:sp>
        <p:nvSpPr>
          <p:cNvPr id="5" name="text" descr="{&quot;templafy&quot;:{&quot;id&quot;:&quot;ae20edf6-3570-483f-9401-50566bf6803c&quot;}}" title="UserProfile.CenterFreeText">
            <a:extLst>
              <a:ext uri="{FF2B5EF4-FFF2-40B4-BE49-F238E27FC236}">
                <a16:creationId xmlns:a16="http://schemas.microsoft.com/office/drawing/2014/main" id="{CB7FE918-D246-3FEE-B0BE-4FD2636D4745}"/>
              </a:ext>
            </a:extLst>
          </p:cNvPr>
          <p:cNvSpPr txBox="1">
            <a:spLocks/>
          </p:cNvSpPr>
          <p:nvPr userDrawn="1"/>
        </p:nvSpPr>
        <p:spPr>
          <a:xfrm>
            <a:off x="1152000" y="359047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107DB2"/>
                </a:solidFill>
              </a:rPr>
              <a:t>Afdeling for Ældresygdomme</a:t>
            </a:r>
          </a:p>
        </p:txBody>
      </p:sp>
    </p:spTree>
    <p:extLst>
      <p:ext uri="{BB962C8B-B14F-4D97-AF65-F5344CB8AC3E}">
        <p14:creationId xmlns:p14="http://schemas.microsoft.com/office/powerpoint/2010/main" val="425158712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Billede 13">
            <a:extLst>
              <a:ext uri="{FF2B5EF4-FFF2-40B4-BE49-F238E27FC236}">
                <a16:creationId xmlns:a16="http://schemas.microsoft.com/office/drawing/2014/main" id="{0CA4B568-16F0-49FD-8A62-19B58CB0A7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87389" y="0"/>
            <a:ext cx="11504612" cy="68580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87389" y="0"/>
            <a:ext cx="11504612" cy="6858000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658626015" name="image" descr="{&quot;templafy&quot;:{&quot;id&quot;:&quot;b97bf33d-37d9-47b5-8bdc-92df3bf556e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2" name="Region">
            <a:extLst>
              <a:ext uri="{FF2B5EF4-FFF2-40B4-BE49-F238E27FC236}">
                <a16:creationId xmlns:a16="http://schemas.microsoft.com/office/drawing/2014/main" id="{4B52B8E2-6BE8-4A48-BDA5-CA83AC5998D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2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EC3ABCD4-D17A-51C4-AFE8-3D8A917CB105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</p:spTree>
    <p:extLst>
      <p:ext uri="{BB962C8B-B14F-4D97-AF65-F5344CB8AC3E}">
        <p14:creationId xmlns:p14="http://schemas.microsoft.com/office/powerpoint/2010/main" val="1446589886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4E64E0DD-54B3-4256-9053-5E9FD709A9D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1" cy="6858000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-1510" y="-4"/>
            <a:ext cx="12193509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612000" anchor="ctr" anchorCtr="0">
            <a:noAutofit/>
          </a:bodyPr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  <a:p>
            <a:r>
              <a:rPr lang="da-DK" dirty="0"/>
              <a:t>Klik på ikon for at indsætte billede</a:t>
            </a:r>
          </a:p>
        </p:txBody>
      </p:sp>
      <p:pic>
        <p:nvPicPr>
          <p:cNvPr id="1802057196" name="image" descr="{&quot;templafy&quot;:{&quot;id&quot;:&quot;8033010a-fdf4-4fad-b6bd-968d1eca2be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2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E74A3D6D-D2BB-773C-D3EC-A30DB6B14B00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</p:spTree>
    <p:extLst>
      <p:ext uri="{BB962C8B-B14F-4D97-AF65-F5344CB8AC3E}">
        <p14:creationId xmlns:p14="http://schemas.microsoft.com/office/powerpoint/2010/main" val="98664069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989137"/>
            <a:ext cx="10346400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d50c380b-e287-41d0-ac6b-ecef35f2e483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0" name="text" descr="{&quot;templafy&quot;:{&quot;id&quot;:&quot;7d87e4d9-7466-4ec6-b49a-82c7076b6dc5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064B15F5-5B2E-4D57-B166-25D0A73F88C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4712996" name="image" descr="{&quot;templafy&quot;:{&quot;id&quot;:&quot;bffc4d6a-cf60-4a88-8db6-cbcb503086f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4744EE00-97F0-4D5C-A042-B8AD2AC373A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109923388" name="image" descr="{&quot;templafy&quot;:{&quot;id&quot;:&quot;a4a63055-971a-4153-a782-2b43c7c834c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4" name="Slide Number Placeholder 6">
            <a:extLst>
              <a:ext uri="{FF2B5EF4-FFF2-40B4-BE49-F238E27FC236}">
                <a16:creationId xmlns:a16="http://schemas.microsoft.com/office/drawing/2014/main" id="{E9485BA0-2FB3-49E0-A840-0B4EA2DA995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124546270" name="image" descr="{&quot;templafy&quot;:{&quot;id&quot;:&quot;39a49eab-4542-411d-9071-80e9114e72b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36" name="text" descr="{&quot;templafy&quot;:{&quot;id&quot;:&quot;a2a16516-0e58-4f91-b3bd-f0998e09a3ff&quot;}}" title="Form.PresentationTitle">
            <a:extLst>
              <a:ext uri="{FF2B5EF4-FFF2-40B4-BE49-F238E27FC236}">
                <a16:creationId xmlns:a16="http://schemas.microsoft.com/office/drawing/2014/main" id="{60251709-333A-40B7-BD21-B5E8D9D019F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37" name="text" descr="{&quot;templafy&quot;:{&quot;id&quot;:&quot;d193c474-e008-477c-8aeb-801ae5d5e269&quot;}}" title="UserProfile.Name">
            <a:extLst>
              <a:ext uri="{FF2B5EF4-FFF2-40B4-BE49-F238E27FC236}">
                <a16:creationId xmlns:a16="http://schemas.microsoft.com/office/drawing/2014/main" id="{F0FE03D1-C3FC-4C30-B7E9-502F7D222C7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8" name="text" descr="{&quot;templafy&quot;:{&quot;id&quot;:&quot;420f35be-8ec6-4df9-8110-e2a9c53581e3&quot;}}" hidden="1" title="Form.Manuel_dato">
            <a:extLst>
              <a:ext uri="{FF2B5EF4-FFF2-40B4-BE49-F238E27FC236}">
                <a16:creationId xmlns:a16="http://schemas.microsoft.com/office/drawing/2014/main" id="{5C1A8FEE-7F47-4710-B8A7-232AF39EE81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8" name="text" descr="{&quot;templafy&quot;:{&quot;id&quot;:&quot;94426a49-1aa1-4680-b90a-1dbef84ddfad&quot;}}" title="UserProfile.Office.Virksomhed_{{DocumentLanguage}}">
            <a:extLst>
              <a:ext uri="{FF2B5EF4-FFF2-40B4-BE49-F238E27FC236}">
                <a16:creationId xmlns:a16="http://schemas.microsoft.com/office/drawing/2014/main" id="{2DBCDD0D-F9E6-4488-8BFB-DFB45D0CC4A6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19" name="text" descr="{&quot;templafy&quot;:{&quot;id&quot;:&quot;02e024e5-4fff-476e-a157-46b0fbf7bfb9&quot;}}" title="UserProfile.CenterFreeText">
            <a:extLst>
              <a:ext uri="{FF2B5EF4-FFF2-40B4-BE49-F238E27FC236}">
                <a16:creationId xmlns:a16="http://schemas.microsoft.com/office/drawing/2014/main" id="{1D635F2E-5DB8-4DB5-886A-B88840BA70C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2" name="text" descr="{&quot;templafy&quot;:{&quot;id&quot;:&quot;baddd43c-ccbe-4f07-a090-d102a19e5748&quot;}}" hidden="1" title="UserProfile.Centers.Center_{{DocumentLanguage}}">
            <a:extLst>
              <a:ext uri="{FF2B5EF4-FFF2-40B4-BE49-F238E27FC236}">
                <a16:creationId xmlns:a16="http://schemas.microsoft.com/office/drawing/2014/main" id="{A31530E1-471A-49B7-AAD2-C83F844EB72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4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87856865-CAD4-95B9-2507-13740C8F651A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  <p:sp>
        <p:nvSpPr>
          <p:cNvPr id="5" name="text" descr="{&quot;templafy&quot;:{&quot;id&quot;:&quot;ae20edf6-3570-483f-9401-50566bf6803c&quot;}}" title="UserProfile.CenterFreeText">
            <a:extLst>
              <a:ext uri="{FF2B5EF4-FFF2-40B4-BE49-F238E27FC236}">
                <a16:creationId xmlns:a16="http://schemas.microsoft.com/office/drawing/2014/main" id="{3922EA1E-915D-02F9-CD75-0A023CB0717C}"/>
              </a:ext>
            </a:extLst>
          </p:cNvPr>
          <p:cNvSpPr txBox="1">
            <a:spLocks/>
          </p:cNvSpPr>
          <p:nvPr userDrawn="1"/>
        </p:nvSpPr>
        <p:spPr>
          <a:xfrm>
            <a:off x="1152000" y="359047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107DB2"/>
                </a:solidFill>
              </a:rPr>
              <a:t>Afdeling for Ældresygdomme</a:t>
            </a:r>
          </a:p>
        </p:txBody>
      </p:sp>
    </p:spTree>
    <p:extLst>
      <p:ext uri="{BB962C8B-B14F-4D97-AF65-F5344CB8AC3E}">
        <p14:creationId xmlns:p14="http://schemas.microsoft.com/office/powerpoint/2010/main" val="185342290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646509584" name="image" descr="{&quot;templafy&quot;:{&quot;id&quot;:&quot;ddef0933-ac9f-49b6-a038-f6bdef244d0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871200"/>
            <a:ext cx="10346400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pic>
        <p:nvPicPr>
          <p:cNvPr id="1799273959" name="image" descr="{&quot;templafy&quot;:{&quot;id&quot;:&quot;6bd99b76-8680-4f8e-a00c-82cd413f3e6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C3495182-5107-409C-A143-D7D7A7B12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9a92641d-bfd9-4c7c-ae9a-4603afc87d93&quot;}}" title="Form.PresentationTitle">
            <a:extLst>
              <a:ext uri="{FF2B5EF4-FFF2-40B4-BE49-F238E27FC236}">
                <a16:creationId xmlns:a16="http://schemas.microsoft.com/office/drawing/2014/main" id="{A25EAAD8-22BE-4DDE-A0B7-A562A873B1CF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3" name="text" descr="{&quot;templafy&quot;:{&quot;id&quot;:&quot;c96a9419-0e49-40e6-8692-87967ac59269&quot;}}" title="UserProfile.Name">
            <a:extLst>
              <a:ext uri="{FF2B5EF4-FFF2-40B4-BE49-F238E27FC236}">
                <a16:creationId xmlns:a16="http://schemas.microsoft.com/office/drawing/2014/main" id="{0C8CDCAE-194B-4693-ACA9-C5D20C9F7D7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4" name="text" descr="{&quot;templafy&quot;:{&quot;id&quot;:&quot;33a11270-00eb-42be-936b-8be4d533b310&quot;}}" hidden="1" title="Form.Manuel_dato">
            <a:extLst>
              <a:ext uri="{FF2B5EF4-FFF2-40B4-BE49-F238E27FC236}">
                <a16:creationId xmlns:a16="http://schemas.microsoft.com/office/drawing/2014/main" id="{20809CE6-B84A-48B8-B0DC-6622B10014D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253364874" name="image" descr="{&quot;templafy&quot;:{&quot;id&quot;:&quot;8ddb3e2b-ae23-464f-a7bf-6b7e940a5b7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8" name="text" descr="{&quot;templafy&quot;:{&quot;id&quot;:&quot;377d1c72-b049-4b11-9e66-660a83b52683&quot;}}" title="UserProfile.Office.Virksomhed_{{DocumentLanguage}}">
            <a:extLst>
              <a:ext uri="{FF2B5EF4-FFF2-40B4-BE49-F238E27FC236}">
                <a16:creationId xmlns:a16="http://schemas.microsoft.com/office/drawing/2014/main" id="{078442C8-430D-49C7-939D-7CFBE09CBB4E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19" name="text" descr="{&quot;templafy&quot;:{&quot;id&quot;:&quot;2778ea99-887c-4a7d-bee2-3d00a52ae38e&quot;}}" title="UserProfile.CenterFreeText">
            <a:extLst>
              <a:ext uri="{FF2B5EF4-FFF2-40B4-BE49-F238E27FC236}">
                <a16:creationId xmlns:a16="http://schemas.microsoft.com/office/drawing/2014/main" id="{03A44076-B51F-4536-BE11-37726CE49C7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0" name="text" descr="{&quot;templafy&quot;:{&quot;id&quot;:&quot;f3dbc2b8-a705-417a-b6b2-dfda6a9c5772&quot;}}" hidden="1" title="UserProfile.Centers.Center_{{DocumentLanguage}}">
            <a:extLst>
              <a:ext uri="{FF2B5EF4-FFF2-40B4-BE49-F238E27FC236}">
                <a16:creationId xmlns:a16="http://schemas.microsoft.com/office/drawing/2014/main" id="{603E9EBE-F979-48B2-8974-E53752AA34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1" name="Pladsholder til indhold 2">
            <a:extLst>
              <a:ext uri="{FF2B5EF4-FFF2-40B4-BE49-F238E27FC236}">
                <a16:creationId xmlns:a16="http://schemas.microsoft.com/office/drawing/2014/main" id="{9C551DF5-75C3-4053-ACEB-C34B7D378640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1990800"/>
            <a:ext cx="10346400" cy="3708000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818000" indent="0">
              <a:buNone/>
              <a:defRPr>
                <a:solidFill>
                  <a:schemeClr val="bg1"/>
                </a:solidFill>
              </a:defRPr>
            </a:lvl6pPr>
            <a:lvl7pPr marL="2178000" indent="0">
              <a:buNone/>
              <a:defRPr>
                <a:solidFill>
                  <a:schemeClr val="bg1"/>
                </a:solidFill>
              </a:defRPr>
            </a:lvl7pPr>
            <a:lvl8pPr marL="2538000" indent="0">
              <a:buNone/>
              <a:defRPr>
                <a:solidFill>
                  <a:schemeClr val="bg1"/>
                </a:solidFill>
              </a:defRPr>
            </a:lvl8pPr>
            <a:lvl9pPr marL="2538000" indent="0"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59494E67-DD4C-00B1-5850-E8D90AC9D05A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  <p:sp>
        <p:nvSpPr>
          <p:cNvPr id="3" name="text" descr="{&quot;templafy&quot;:{&quot;id&quot;:&quot;ae20edf6-3570-483f-9401-50566bf6803c&quot;}}" title="UserProfile.CenterFreeText">
            <a:extLst>
              <a:ext uri="{FF2B5EF4-FFF2-40B4-BE49-F238E27FC236}">
                <a16:creationId xmlns:a16="http://schemas.microsoft.com/office/drawing/2014/main" id="{C421653B-7D16-F6B0-423B-25F1E60971BA}"/>
              </a:ext>
            </a:extLst>
          </p:cNvPr>
          <p:cNvSpPr txBox="1">
            <a:spLocks/>
          </p:cNvSpPr>
          <p:nvPr userDrawn="1"/>
        </p:nvSpPr>
        <p:spPr>
          <a:xfrm>
            <a:off x="1152000" y="359047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bg1"/>
                </a:solidFill>
              </a:rPr>
              <a:t>Afdeling for Ældresygdomme</a:t>
            </a:r>
          </a:p>
        </p:txBody>
      </p:sp>
    </p:spTree>
    <p:extLst>
      <p:ext uri="{BB962C8B-B14F-4D97-AF65-F5344CB8AC3E}">
        <p14:creationId xmlns:p14="http://schemas.microsoft.com/office/powerpoint/2010/main" val="66774752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foto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2818800"/>
            <a:ext cx="5004000" cy="2880000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818000" indent="0">
              <a:buNone/>
              <a:defRPr>
                <a:solidFill>
                  <a:schemeClr val="bg1"/>
                </a:solidFill>
              </a:defRPr>
            </a:lvl6pPr>
            <a:lvl7pPr marL="2178000" indent="0">
              <a:buNone/>
              <a:defRPr>
                <a:solidFill>
                  <a:schemeClr val="bg1"/>
                </a:solidFill>
              </a:defRPr>
            </a:lvl7pPr>
            <a:lvl8pPr marL="2538000" indent="0">
              <a:buNone/>
              <a:defRPr>
                <a:solidFill>
                  <a:schemeClr val="bg1"/>
                </a:solidFill>
              </a:defRPr>
            </a:lvl8pPr>
            <a:lvl9pPr marL="2538000" indent="0"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Rektangel 34">
            <a:extLst>
              <a:ext uri="{FF2B5EF4-FFF2-40B4-BE49-F238E27FC236}">
                <a16:creationId xmlns:a16="http://schemas.microsoft.com/office/drawing/2014/main" id="{7ADED768-2D7F-4E0A-BAD8-00196E1791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36" name="text" descr="{&quot;templafy&quot;:{&quot;id&quot;:&quot;c3caf340-1be4-4788-ad53-cd0ba5b62563&quot;}}" title="Form.PresentationTitle">
            <a:extLst>
              <a:ext uri="{FF2B5EF4-FFF2-40B4-BE49-F238E27FC236}">
                <a16:creationId xmlns:a16="http://schemas.microsoft.com/office/drawing/2014/main" id="{0F3B5C39-E3DE-4759-AC37-93E64F68D4B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6" name="Pladsholder til billede 2">
            <a:extLst>
              <a:ext uri="{FF2B5EF4-FFF2-40B4-BE49-F238E27FC236}">
                <a16:creationId xmlns:a16="http://schemas.microsoft.com/office/drawing/2014/main" id="{D3766346-CE25-4EA9-AD04-6A45BEF1FB7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615160888" name="image" descr="{&quot;templafy&quot;:{&quot;id&quot;:&quot;27c1e5a0-fdcb-4f0f-8524-da39351347f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8" name="Region">
            <a:extLst>
              <a:ext uri="{FF2B5EF4-FFF2-40B4-BE49-F238E27FC236}">
                <a16:creationId xmlns:a16="http://schemas.microsoft.com/office/drawing/2014/main" id="{F765A621-CA88-4B17-8B37-6DF379DA02F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13" name="text" descr="{&quot;templafy&quot;:{&quot;id&quot;:&quot;c96db0a3-12c1-4c15-8c64-e6ce256918ea&quot;}}" title="UserProfile.Office.Virksomhed_{{DocumentLanguage}}">
            <a:extLst>
              <a:ext uri="{FF2B5EF4-FFF2-40B4-BE49-F238E27FC236}">
                <a16:creationId xmlns:a16="http://schemas.microsoft.com/office/drawing/2014/main" id="{013F782C-AC7E-4694-89C6-44BAE68EE2F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14" name="text" descr="{&quot;templafy&quot;:{&quot;id&quot;:&quot;af5a15c6-05b1-4315-82f8-6c4ba128357a&quot;}}" title="UserProfile.CenterFreeText">
            <a:extLst>
              <a:ext uri="{FF2B5EF4-FFF2-40B4-BE49-F238E27FC236}">
                <a16:creationId xmlns:a16="http://schemas.microsoft.com/office/drawing/2014/main" id="{9FAE0A8C-B992-4304-ABA2-34C9333B12D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15" name="text" descr="{&quot;templafy&quot;:{&quot;id&quot;:&quot;85844513-7656-40aa-949a-dea4ada31c33&quot;}}" hidden="1" title="UserProfile.Centers.Center_{{DocumentLanguage}}">
            <a:extLst>
              <a:ext uri="{FF2B5EF4-FFF2-40B4-BE49-F238E27FC236}">
                <a16:creationId xmlns:a16="http://schemas.microsoft.com/office/drawing/2014/main" id="{AF15D1CE-6314-4CC0-93E4-C38641321D6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4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654FDFBA-C717-3AA9-BE7D-4CE619A4032D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  <p:sp>
        <p:nvSpPr>
          <p:cNvPr id="5" name="text" descr="{&quot;templafy&quot;:{&quot;id&quot;:&quot;ae20edf6-3570-483f-9401-50566bf6803c&quot;}}" title="UserProfile.CenterFreeText">
            <a:extLst>
              <a:ext uri="{FF2B5EF4-FFF2-40B4-BE49-F238E27FC236}">
                <a16:creationId xmlns:a16="http://schemas.microsoft.com/office/drawing/2014/main" id="{5E741A59-3D97-DB0E-5C72-2BA6A85D6A4A}"/>
              </a:ext>
            </a:extLst>
          </p:cNvPr>
          <p:cNvSpPr txBox="1">
            <a:spLocks/>
          </p:cNvSpPr>
          <p:nvPr userDrawn="1"/>
        </p:nvSpPr>
        <p:spPr>
          <a:xfrm>
            <a:off x="1152000" y="359047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bg1"/>
                </a:solidFill>
              </a:rPr>
              <a:t>Afdeling for Ældresygdomme</a:t>
            </a:r>
          </a:p>
        </p:txBody>
      </p:sp>
    </p:spTree>
    <p:extLst>
      <p:ext uri="{BB962C8B-B14F-4D97-AF65-F5344CB8AC3E}">
        <p14:creationId xmlns:p14="http://schemas.microsoft.com/office/powerpoint/2010/main" val="1505046950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10346400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52000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52000" y="3747776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8854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9" name="Rektangel 38">
            <a:extLst>
              <a:ext uri="{FF2B5EF4-FFF2-40B4-BE49-F238E27FC236}">
                <a16:creationId xmlns:a16="http://schemas.microsoft.com/office/drawing/2014/main" id="{DEC7BC6A-DA03-4E0F-8EF3-057915E024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93083284" name="image" descr="{&quot;templafy&quot;:{&quot;id&quot;:&quot;dd8999be-8a2f-4230-b978-4dda384fd0b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9" name="Region">
            <a:extLst>
              <a:ext uri="{FF2B5EF4-FFF2-40B4-BE49-F238E27FC236}">
                <a16:creationId xmlns:a16="http://schemas.microsoft.com/office/drawing/2014/main" id="{D6B66E70-3EBD-40CE-9285-6EF0C94EFF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644142009" name="image" descr="{&quot;templafy&quot;:{&quot;id&quot;:&quot;12b7e618-099b-4a01-a929-2cb0d8160d7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8" name="Slide Number Placeholder 8">
            <a:extLst>
              <a:ext uri="{FF2B5EF4-FFF2-40B4-BE49-F238E27FC236}">
                <a16:creationId xmlns:a16="http://schemas.microsoft.com/office/drawing/2014/main" id="{E4A4B904-905A-4C0C-BA33-AFB6355E170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0" name="text" descr="{&quot;templafy&quot;:{&quot;id&quot;:&quot;9d85681e-749c-49c4-8029-cc3feee2bebe&quot;}}" title="Form.PresentationTitle">
            <a:extLst>
              <a:ext uri="{FF2B5EF4-FFF2-40B4-BE49-F238E27FC236}">
                <a16:creationId xmlns:a16="http://schemas.microsoft.com/office/drawing/2014/main" id="{4BB58F71-1D5A-415B-A1CC-E5D11542CA7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41" name="text" descr="{&quot;templafy&quot;:{&quot;id&quot;:&quot;a276f66a-5d41-40dc-a79a-c756db751065&quot;}}" title="UserProfile.Name">
            <a:extLst>
              <a:ext uri="{FF2B5EF4-FFF2-40B4-BE49-F238E27FC236}">
                <a16:creationId xmlns:a16="http://schemas.microsoft.com/office/drawing/2014/main" id="{D659E114-6BA4-491A-9D52-B8FC3E59DCF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42" name="text" descr="{&quot;templafy&quot;:{&quot;id&quot;:&quot;e3683ad2-6ad8-4fde-aa8e-d50d21fb051e&quot;}}" hidden="1" title="Form.Manuel_dato">
            <a:extLst>
              <a:ext uri="{FF2B5EF4-FFF2-40B4-BE49-F238E27FC236}">
                <a16:creationId xmlns:a16="http://schemas.microsoft.com/office/drawing/2014/main" id="{57B966F9-60E8-45A7-B769-1A3CD3E3AB9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38136110" name="image" descr="{&quot;templafy&quot;:{&quot;id&quot;:&quot;8600cc00-2448-45cc-9acd-e5eb0c1b808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20" name="text" descr="{&quot;templafy&quot;:{&quot;id&quot;:&quot;51830862-0536-4e56-90ae-fee84bc61f81&quot;}}" title="UserProfile.Office.Virksomhed_{{DocumentLanguage}}">
            <a:extLst>
              <a:ext uri="{FF2B5EF4-FFF2-40B4-BE49-F238E27FC236}">
                <a16:creationId xmlns:a16="http://schemas.microsoft.com/office/drawing/2014/main" id="{4981C58B-1F08-4848-AE9C-66870624ED50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21" name="text" descr="{&quot;templafy&quot;:{&quot;id&quot;:&quot;18398cbd-193b-42fe-bdc3-c5095b49f3ed&quot;}}" title="UserProfile.CenterFreeText">
            <a:extLst>
              <a:ext uri="{FF2B5EF4-FFF2-40B4-BE49-F238E27FC236}">
                <a16:creationId xmlns:a16="http://schemas.microsoft.com/office/drawing/2014/main" id="{881E35B0-3F5E-4623-9975-ABA0C7E065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a6c59b8-c9ca-4dff-ae28-0317d0217a31&quot;}}" hidden="1" title="UserProfile.Centers.Center_{{DocumentLanguage}}">
            <a:extLst>
              <a:ext uri="{FF2B5EF4-FFF2-40B4-BE49-F238E27FC236}">
                <a16:creationId xmlns:a16="http://schemas.microsoft.com/office/drawing/2014/main" id="{37185150-ECD9-4B7A-87E5-DB316C731D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4" name="text" descr="{&quot;templafy&quot;:{&quot;id&quot;:&quot;aedfb7e2-956a-4f13-bb16-483e4e8a98ba&quot;}}" title="UserProfile.Name">
            <a:extLst>
              <a:ext uri="{FF2B5EF4-FFF2-40B4-BE49-F238E27FC236}">
                <a16:creationId xmlns:a16="http://schemas.microsoft.com/office/drawing/2014/main" id="{E769641A-3670-BB2B-2A32-9E2D8AECAAC0}"/>
              </a:ext>
            </a:extLst>
          </p:cNvPr>
          <p:cNvSpPr txBox="1"/>
          <p:nvPr userDrawn="1"/>
        </p:nvSpPr>
        <p:spPr>
          <a:xfrm>
            <a:off x="8196000" y="64416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>
                <a:solidFill>
                  <a:schemeClr val="tx1"/>
                </a:solidFill>
              </a:rPr>
              <a:t>Martin Schultz</a:t>
            </a:r>
          </a:p>
        </p:txBody>
      </p:sp>
      <p:sp>
        <p:nvSpPr>
          <p:cNvPr id="5" name="text" descr="{&quot;templafy&quot;:{&quot;id&quot;:&quot;ae20edf6-3570-483f-9401-50566bf6803c&quot;}}" title="UserProfile.CenterFreeText">
            <a:extLst>
              <a:ext uri="{FF2B5EF4-FFF2-40B4-BE49-F238E27FC236}">
                <a16:creationId xmlns:a16="http://schemas.microsoft.com/office/drawing/2014/main" id="{9E36AD5F-6DEF-FC75-A635-1BB086EE7A80}"/>
              </a:ext>
            </a:extLst>
          </p:cNvPr>
          <p:cNvSpPr txBox="1">
            <a:spLocks/>
          </p:cNvSpPr>
          <p:nvPr userDrawn="1"/>
        </p:nvSpPr>
        <p:spPr>
          <a:xfrm>
            <a:off x="1152000" y="359047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bg1"/>
                </a:solidFill>
              </a:rPr>
              <a:t>Afdeling for Ældresygdomme</a:t>
            </a:r>
          </a:p>
        </p:txBody>
      </p:sp>
    </p:spTree>
    <p:extLst>
      <p:ext uri="{BB962C8B-B14F-4D97-AF65-F5344CB8AC3E}">
        <p14:creationId xmlns:p14="http://schemas.microsoft.com/office/powerpoint/2010/main" val="289617910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7" name="text" descr="{&quot;templafy&quot;:{&quot;id&quot;:&quot;a91bb1eb-2ddf-48d6-8ff2-3b363f36a5f1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0" name="text" descr="{&quot;templafy&quot;:{&quot;id&quot;:&quot;7fccdec9-ee94-4260-b631-4ba2e0afd2e9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1769A6EF-4E5E-4A39-A521-C45A38A863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" descr="{&quot;templafy&quot;:{&quot;id&quot;:&quot;a73dd336-ee05-4b69-af68-53aa4dee3e6b&quot;}}" title="Form.PresentationTitle">
            <a:extLst>
              <a:ext uri="{FF2B5EF4-FFF2-40B4-BE49-F238E27FC236}">
                <a16:creationId xmlns:a16="http://schemas.microsoft.com/office/drawing/2014/main" id="{3D49943A-7D98-4706-8463-CD3DDC23BDC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2" name="text" descr="{&quot;templafy&quot;:{&quot;id&quot;:&quot;695e62b7-aa37-4094-b8c4-d41404ad224e&quot;}}" title="UserProfile.Name">
            <a:extLst>
              <a:ext uri="{FF2B5EF4-FFF2-40B4-BE49-F238E27FC236}">
                <a16:creationId xmlns:a16="http://schemas.microsoft.com/office/drawing/2014/main" id="{469D7F10-F7A4-4B70-A101-8CF53F89CD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3" name="text" descr="{&quot;templafy&quot;:{&quot;id&quot;:&quot;0b958bb8-e1de-40dd-acfd-c25bf2b07bd4&quot;}}" hidden="1" title="Form.Manuel_dato">
            <a:extLst>
              <a:ext uri="{FF2B5EF4-FFF2-40B4-BE49-F238E27FC236}">
                <a16:creationId xmlns:a16="http://schemas.microsoft.com/office/drawing/2014/main" id="{73FB61AB-8E3D-4A88-BFBD-399BB7549CC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05669707" name="image" descr="{&quot;templafy&quot;:{&quot;id&quot;:&quot;24eb6c5c-56d9-4566-981c-f65516f1a53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002242654" name="image" descr="{&quot;templafy&quot;:{&quot;id&quot;:&quot;6d0d9f4f-7871-4887-bbe7-f489f5101b6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2819770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815414" y="2038154"/>
            <a:ext cx="11376009" cy="4822421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11" name="Rektangel 10"/>
          <p:cNvSpPr/>
          <p:nvPr userDrawn="1"/>
        </p:nvSpPr>
        <p:spPr>
          <a:xfrm>
            <a:off x="11280000" y="2040925"/>
            <a:ext cx="911424" cy="4819847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12" name="Rektangel 11"/>
          <p:cNvSpPr/>
          <p:nvPr userDrawn="1"/>
        </p:nvSpPr>
        <p:spPr>
          <a:xfrm>
            <a:off x="0" y="1"/>
            <a:ext cx="911424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828801" y="2720891"/>
            <a:ext cx="8536833" cy="1981738"/>
          </a:xfrm>
        </p:spPr>
        <p:txBody>
          <a:bodyPr anchor="t" anchorCtr="0"/>
          <a:lstStyle>
            <a:lvl1pPr>
              <a:defRPr sz="37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7pt skrives her</a:t>
            </a:r>
            <a:br>
              <a:rPr lang="da-DK" dirty="0"/>
            </a:br>
            <a:r>
              <a:rPr lang="da-DK" dirty="0"/>
              <a:t>i to eller flere linjer</a:t>
            </a:r>
            <a:endParaRPr lang="da-DK"/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828800" y="5101432"/>
            <a:ext cx="8534400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>
          <a:xfrm>
            <a:off x="7892150" y="6289200"/>
            <a:ext cx="3064873" cy="13940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>
          <a:xfrm>
            <a:off x="1828802" y="6290559"/>
            <a:ext cx="3307093" cy="13940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pic>
        <p:nvPicPr>
          <p:cNvPr id="1312047650" name="LogoColorFront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41200"/>
            <a:ext cx="912000" cy="4820400"/>
          </a:xfrm>
          <a:prstGeom prst="rect">
            <a:avLst/>
          </a:prstGeom>
        </p:spPr>
      </p:pic>
      <p:pic>
        <p:nvPicPr>
          <p:cNvPr id="651348209" name="LogoHFront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600" y="1584000"/>
            <a:ext cx="916800" cy="687600"/>
          </a:xfrm>
          <a:prstGeom prst="rect">
            <a:avLst/>
          </a:prstGeom>
        </p:spPr>
      </p:pic>
      <p:pic>
        <p:nvPicPr>
          <p:cNvPr id="28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4977" y="1629407"/>
            <a:ext cx="155223" cy="594784"/>
          </a:xfrm>
          <a:prstGeom prst="rect">
            <a:avLst/>
          </a:prstGeom>
        </p:spPr>
      </p:pic>
      <p:pic>
        <p:nvPicPr>
          <p:cNvPr id="782417312" name="LogoGCMaster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73600" y="6314400"/>
            <a:ext cx="561600" cy="421200"/>
          </a:xfrm>
          <a:prstGeom prst="rect">
            <a:avLst/>
          </a:prstGeom>
        </p:spPr>
      </p:pic>
      <p:pic>
        <p:nvPicPr>
          <p:cNvPr id="229846216" name="Vaelg_VF_skabelon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185139719" name="Vaelg_Byg_skabelon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53682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824000" y="872716"/>
            <a:ext cx="9456000" cy="1161947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824567" y="2327275"/>
            <a:ext cx="9455151" cy="3160713"/>
          </a:xfrm>
        </p:spPr>
        <p:txBody>
          <a:bodyPr/>
          <a:lstStyle/>
          <a:p>
            <a:pPr lvl="0"/>
            <a:r>
              <a:rPr lang="da-DK" dirty="0"/>
              <a:t>Brødtekst 22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1405021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872716"/>
            <a:ext cx="10344675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10344674" cy="37084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7" name="text" descr="{&quot;templafy&quot;:{&quot;id&quot;:&quot;e5fd3f2a-def9-4812-8e10-cbbc84bffed6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3" name="text" descr="{&quot;templafy&quot;:{&quot;id&quot;:&quot;3c0df4c3-b878-4744-82e1-7829351f7eea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53056516" name="image" descr="{&quot;templafy&quot;:{&quot;id&quot;:&quot;e0881a7d-8ac8-491c-9b52-2686eecd6fc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991553437" name="image" descr="{&quot;templafy&quot;:{&quot;id&quot;:&quot;38b133ee-921b-46e4-bc3b-4e609660e84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5" name="Region">
            <a:extLst>
              <a:ext uri="{FF2B5EF4-FFF2-40B4-BE49-F238E27FC236}">
                <a16:creationId xmlns:a16="http://schemas.microsoft.com/office/drawing/2014/main" id="{C37A18B1-4A7D-4F03-828C-B60E0027748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51" name="Slide Number Placeholder 6">
            <a:extLst>
              <a:ext uri="{FF2B5EF4-FFF2-40B4-BE49-F238E27FC236}">
                <a16:creationId xmlns:a16="http://schemas.microsoft.com/office/drawing/2014/main" id="{640BE87F-6960-413A-9C5E-84308D84E6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396107261" name="image" descr="{&quot;templafy&quot;:{&quot;id&quot;:&quot;b315e8a2-b5df-4b55-a676-be4fb5d4ca2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53" name="text" descr="{&quot;templafy&quot;:{&quot;id&quot;:&quot;7bb89720-2d9f-4ffc-9716-96077602d46a&quot;}}" title="Form.PresentationTitle">
            <a:extLst>
              <a:ext uri="{FF2B5EF4-FFF2-40B4-BE49-F238E27FC236}">
                <a16:creationId xmlns:a16="http://schemas.microsoft.com/office/drawing/2014/main" id="{E92362F4-BC5C-480F-8FBA-FBB9411877E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56" name="text" descr="{&quot;templafy&quot;:{&quot;id&quot;:&quot;a08337dd-ccdd-4aca-8e37-dcdf6028b397&quot;}}" title="UserProfile.Name">
            <a:extLst>
              <a:ext uri="{FF2B5EF4-FFF2-40B4-BE49-F238E27FC236}">
                <a16:creationId xmlns:a16="http://schemas.microsoft.com/office/drawing/2014/main" id="{ED060585-3B53-4968-A762-90952BC55CD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57" name="text" descr="{&quot;templafy&quot;:{&quot;id&quot;:&quot;97a73570-3edd-40e2-859f-fa0ad512adba&quot;}}" hidden="1" title="Form.Manuel_dato">
            <a:extLst>
              <a:ext uri="{FF2B5EF4-FFF2-40B4-BE49-F238E27FC236}">
                <a16:creationId xmlns:a16="http://schemas.microsoft.com/office/drawing/2014/main" id="{FD95FAF6-8132-4B0C-BCA3-CE38E1738DD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7" name="text" descr="{&quot;templafy&quot;:{&quot;id&quot;:&quot;bd19b99a-33f7-428b-b19f-d7869a57f4ea&quot;}}" title="UserProfile.Office.Virksomhed_{{DocumentLanguage}}">
            <a:extLst>
              <a:ext uri="{FF2B5EF4-FFF2-40B4-BE49-F238E27FC236}">
                <a16:creationId xmlns:a16="http://schemas.microsoft.com/office/drawing/2014/main" id="{FCCF94AB-BF37-4D0D-87BA-80169642543D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18" name="text" descr="{&quot;templafy&quot;:{&quot;id&quot;:&quot;c6203039-2ff4-449d-86cf-a1fd34da7094&quot;}}" title="UserProfile.CenterFreeText">
            <a:extLst>
              <a:ext uri="{FF2B5EF4-FFF2-40B4-BE49-F238E27FC236}">
                <a16:creationId xmlns:a16="http://schemas.microsoft.com/office/drawing/2014/main" id="{64BF01B1-55FB-4769-902B-6A720F55A48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0" name="text" descr="{&quot;templafy&quot;:{&quot;id&quot;:&quot;80d900cc-bb37-4714-9be0-70b1183baad9&quot;}}" hidden="1" title="UserProfile.Centers.Center_{{DocumentLanguage}}">
            <a:extLst>
              <a:ext uri="{FF2B5EF4-FFF2-40B4-BE49-F238E27FC236}">
                <a16:creationId xmlns:a16="http://schemas.microsoft.com/office/drawing/2014/main" id="{3560368B-5FF3-4B58-BAB6-37D70083D7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3942401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824000" y="2327275"/>
            <a:ext cx="4572000" cy="316071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695731" y="2329201"/>
            <a:ext cx="4572000" cy="316071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173375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824000" y="4838163"/>
            <a:ext cx="9448800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  <a:endParaRPr lang="da-DK"/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824000" y="1362269"/>
            <a:ext cx="9448800" cy="334036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01306097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824000" y="4838163"/>
            <a:ext cx="9448800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824567" y="1362075"/>
            <a:ext cx="9451200" cy="33408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da-DK" dirty="0"/>
              <a:t>Brødtekst 22pt skrives her, eller tabel og diagram indsættes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5176235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824000" y="4985492"/>
            <a:ext cx="4423832" cy="55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  <a:endParaRPr lang="da-DK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824001" y="1366175"/>
            <a:ext cx="4423833" cy="348964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  <a:endParaRPr lang="da-DK"/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19333" y="4985492"/>
            <a:ext cx="4752000" cy="55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  <a:endParaRPr lang="da-DK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13075" y="1371523"/>
            <a:ext cx="4761317" cy="348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25958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824000" y="908720"/>
            <a:ext cx="9455717" cy="1125943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828800" y="4931362"/>
            <a:ext cx="4423832" cy="55662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  <a:endParaRPr lang="da-DK"/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824000" y="2328863"/>
            <a:ext cx="4425600" cy="247656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  <a:endParaRPr lang="da-DK"/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18400" y="2327275"/>
            <a:ext cx="4761317" cy="316071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15030972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12" name="Rektangel 11"/>
          <p:cNvSpPr/>
          <p:nvPr userDrawn="1"/>
        </p:nvSpPr>
        <p:spPr>
          <a:xfrm>
            <a:off x="0" y="1"/>
            <a:ext cx="911424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828800" y="2708921"/>
            <a:ext cx="9448800" cy="2775893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7pt skrives her</a:t>
            </a:r>
            <a:br>
              <a:rPr lang="da-DK" dirty="0"/>
            </a:br>
            <a:r>
              <a:rPr lang="da-DK" dirty="0"/>
              <a:t>i to eller flere linjer</a:t>
            </a:r>
            <a:endParaRPr lang="da-DK"/>
          </a:p>
        </p:txBody>
      </p:sp>
      <p:pic>
        <p:nvPicPr>
          <p:cNvPr id="1148954709" name="LogoColorFront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41200"/>
            <a:ext cx="912000" cy="4820400"/>
          </a:xfrm>
          <a:prstGeom prst="rect">
            <a:avLst/>
          </a:prstGeom>
        </p:spPr>
      </p:pic>
      <p:pic>
        <p:nvPicPr>
          <p:cNvPr id="365012495" name="LogoHFront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600" y="1584000"/>
            <a:ext cx="916800" cy="687600"/>
          </a:xfrm>
          <a:prstGeom prst="rect">
            <a:avLst/>
          </a:prstGeom>
        </p:spPr>
      </p:pic>
      <p:pic>
        <p:nvPicPr>
          <p:cNvPr id="22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4977" y="1629407"/>
            <a:ext cx="155223" cy="594784"/>
          </a:xfrm>
          <a:prstGeom prst="rect">
            <a:avLst/>
          </a:prstGeom>
        </p:spPr>
      </p:pic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5" name="CEN_Center" hidden="1"/>
          <p:cNvSpPr txBox="1">
            <a:spLocks/>
          </p:cNvSpPr>
          <p:nvPr userDrawn="1"/>
        </p:nvSpPr>
        <p:spPr>
          <a:xfrm>
            <a:off x="1828800" y="399192"/>
            <a:ext cx="9456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sz="1200" dirty="0"/>
          </a:p>
        </p:txBody>
      </p:sp>
      <p:sp>
        <p:nvSpPr>
          <p:cNvPr id="16" name="OFF_Virksomhed"/>
          <p:cNvSpPr txBox="1"/>
          <p:nvPr userDrawn="1"/>
        </p:nvSpPr>
        <p:spPr>
          <a:xfrm>
            <a:off x="1828799" y="207098"/>
            <a:ext cx="4298948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17" name="USR_CenterFreeText"/>
          <p:cNvSpPr txBox="1">
            <a:spLocks/>
          </p:cNvSpPr>
          <p:nvPr userDrawn="1"/>
        </p:nvSpPr>
        <p:spPr>
          <a:xfrm>
            <a:off x="1828800" y="399192"/>
            <a:ext cx="9456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sz="1200" dirty="0"/>
          </a:p>
        </p:txBody>
      </p:sp>
      <p:pic>
        <p:nvPicPr>
          <p:cNvPr id="67754427" name="LogoGCBlack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73600" y="6314400"/>
            <a:ext cx="561600" cy="421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8987501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ias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2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00496360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815414" y="0"/>
            <a:ext cx="11376009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9" name="Rektangel 8"/>
          <p:cNvSpPr/>
          <p:nvPr userDrawn="1"/>
        </p:nvSpPr>
        <p:spPr>
          <a:xfrm>
            <a:off x="11280000" y="1"/>
            <a:ext cx="911424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828800" y="1016733"/>
            <a:ext cx="9448800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824001" y="2585610"/>
            <a:ext cx="3994148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  <a:endParaRPr lang="da-DK"/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824001" y="3490922"/>
            <a:ext cx="3994148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  <a:endParaRPr lang="da-DK"/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206354" y="2584800"/>
            <a:ext cx="3994148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  <a:endParaRPr lang="da-DK"/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206354" y="3492000"/>
            <a:ext cx="3994148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  <a:endParaRPr lang="da-DK"/>
          </a:p>
        </p:txBody>
      </p:sp>
      <p:pic>
        <p:nvPicPr>
          <p:cNvPr id="1937988770" name="LogoColorEnd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912000" cy="6858000"/>
          </a:xfrm>
          <a:prstGeom prst="rect">
            <a:avLst/>
          </a:prstGeom>
        </p:spPr>
      </p:pic>
      <p:pic>
        <p:nvPicPr>
          <p:cNvPr id="982248747" name="LogoHEnd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600" y="4806000"/>
            <a:ext cx="916800" cy="687600"/>
          </a:xfrm>
          <a:prstGeom prst="rect">
            <a:avLst/>
          </a:prstGeom>
        </p:spPr>
      </p:pic>
      <p:pic>
        <p:nvPicPr>
          <p:cNvPr id="24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4977" y="4852382"/>
            <a:ext cx="155223" cy="594784"/>
          </a:xfrm>
          <a:prstGeom prst="rect">
            <a:avLst/>
          </a:prstGeom>
        </p:spPr>
      </p:pic>
      <p:sp>
        <p:nvSpPr>
          <p:cNvPr id="26" name="CEN_Center" hidden="1"/>
          <p:cNvSpPr txBox="1">
            <a:spLocks/>
          </p:cNvSpPr>
          <p:nvPr userDrawn="1"/>
        </p:nvSpPr>
        <p:spPr>
          <a:xfrm>
            <a:off x="1828800" y="399192"/>
            <a:ext cx="9456000" cy="4212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sz="1200" dirty="0"/>
          </a:p>
        </p:txBody>
      </p:sp>
      <p:sp>
        <p:nvSpPr>
          <p:cNvPr id="20" name="USR_CenterFreeText"/>
          <p:cNvSpPr txBox="1">
            <a:spLocks/>
          </p:cNvSpPr>
          <p:nvPr userDrawn="1"/>
        </p:nvSpPr>
        <p:spPr>
          <a:xfrm>
            <a:off x="1828800" y="399192"/>
            <a:ext cx="9456000" cy="4212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sz="1200" dirty="0"/>
          </a:p>
        </p:txBody>
      </p:sp>
      <p:sp>
        <p:nvSpPr>
          <p:cNvPr id="25" name="OFF_Virksomhed"/>
          <p:cNvSpPr txBox="1"/>
          <p:nvPr userDrawn="1"/>
        </p:nvSpPr>
        <p:spPr>
          <a:xfrm>
            <a:off x="1828799" y="207098"/>
            <a:ext cx="4298948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Herlev og Gentofte Hospital</a:t>
            </a:r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235326224" name="LogoGCMaster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73600" y="6314400"/>
            <a:ext cx="561600" cy="421200"/>
          </a:xfrm>
          <a:prstGeom prst="rect">
            <a:avLst/>
          </a:prstGeom>
        </p:spPr>
      </p:pic>
      <p:pic>
        <p:nvPicPr>
          <p:cNvPr id="385986944" name="LogoGXMaster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704000" y="259200"/>
            <a:ext cx="1200000" cy="900000"/>
          </a:xfrm>
          <a:prstGeom prst="rect">
            <a:avLst/>
          </a:prstGeom>
        </p:spPr>
      </p:pic>
      <p:pic>
        <p:nvPicPr>
          <p:cNvPr id="397542563" name="LogoKU_NEG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628800" y="50400"/>
            <a:ext cx="5568000" cy="619200"/>
          </a:xfrm>
          <a:prstGeom prst="rect">
            <a:avLst/>
          </a:prstGeom>
        </p:spPr>
      </p:pic>
      <p:pic>
        <p:nvPicPr>
          <p:cNvPr id="656325667" name="LogoGXMaster2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699200" y="871200"/>
            <a:ext cx="1200000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29113460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Box 2"/>
          <p:cNvSpPr txBox="1">
            <a:spLocks noChangeArrowheads="1"/>
          </p:cNvSpPr>
          <p:nvPr userDrawn="1"/>
        </p:nvSpPr>
        <p:spPr bwMode="auto">
          <a:xfrm>
            <a:off x="539751" y="1819147"/>
            <a:ext cx="3029469" cy="43242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10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10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  <a:endParaRPr lang="da-DK" sz="1800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layouts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b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indsætte nyt slide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  <a:endParaRPr lang="da-DK" sz="1800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  <a:endParaRPr lang="da-DK" sz="180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  <a:endParaRPr lang="da-DK" sz="180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ing, størrelse og for-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atering af pladsholdere til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ets oprindelige design 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4" name="Text Box 4"/>
          <p:cNvSpPr txBox="1">
            <a:spLocks noChangeArrowheads="1"/>
          </p:cNvSpPr>
          <p:nvPr userDrawn="1"/>
        </p:nvSpPr>
        <p:spPr bwMode="auto">
          <a:xfrm>
            <a:off x="8836587" y="1815927"/>
            <a:ext cx="3144324" cy="3185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  <a:endParaRPr lang="da-DK" sz="180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så det slår igennem på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  <a:endParaRPr lang="da-DK" sz="1800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5" name="Text Box 3"/>
          <p:cNvSpPr txBox="1">
            <a:spLocks noChangeArrowheads="1"/>
          </p:cNvSpPr>
          <p:nvPr userDrawn="1"/>
        </p:nvSpPr>
        <p:spPr bwMode="auto">
          <a:xfrm>
            <a:off x="4827739" y="1801284"/>
            <a:ext cx="2881064" cy="23698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endParaRPr lang="da-DK" sz="1800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  <a:endParaRPr lang="da-DK" sz="180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ter et nyt, kan billedet lægg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  <a:endParaRPr lang="da-DK" sz="1800"/>
          </a:p>
        </p:txBody>
      </p:sp>
      <p:pic>
        <p:nvPicPr>
          <p:cNvPr id="33" name="4 Nulstil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08433" y="5303999"/>
            <a:ext cx="729655" cy="197798"/>
          </a:xfrm>
          <a:prstGeom prst="rect">
            <a:avLst/>
          </a:prstGeom>
        </p:spPr>
      </p:pic>
      <p:pic>
        <p:nvPicPr>
          <p:cNvPr id="32" name="2 Ny slide"/>
          <p:cNvPicPr>
            <a:picLocks noChangeAspect="1"/>
          </p:cNvPicPr>
          <p:nvPr userDrawn="1"/>
        </p:nvPicPr>
        <p:blipFill rotWithShape="1">
          <a:blip r:embed="rId3"/>
          <a:srcRect l="2931" r="60888"/>
          <a:stretch/>
        </p:blipFill>
        <p:spPr>
          <a:xfrm>
            <a:off x="2975427" y="3523951"/>
            <a:ext cx="484951" cy="647461"/>
          </a:xfrm>
          <a:prstGeom prst="rect">
            <a:avLst/>
          </a:prstGeom>
        </p:spPr>
      </p:pic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  <a:endParaRPr lang="da-DK" sz="1800"/>
          </a:p>
        </p:txBody>
      </p:sp>
      <p:pic>
        <p:nvPicPr>
          <p:cNvPr id="17" name="1 Increase decrease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69253" y="2862487"/>
            <a:ext cx="732437" cy="285228"/>
          </a:xfrm>
          <a:prstGeom prst="rect">
            <a:avLst/>
          </a:prstGeom>
        </p:spPr>
      </p:pic>
      <p:pic>
        <p:nvPicPr>
          <p:cNvPr id="19" name="3 Layout"/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3008432" y="4193556"/>
            <a:ext cx="791157" cy="192211"/>
          </a:xfrm>
          <a:prstGeom prst="rect">
            <a:avLst/>
          </a:prstGeom>
        </p:spPr>
      </p:pic>
      <p:pic>
        <p:nvPicPr>
          <p:cNvPr id="26" name="5 Insert picture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406223" y="2060444"/>
            <a:ext cx="349535" cy="256054"/>
          </a:xfrm>
          <a:prstGeom prst="rect">
            <a:avLst/>
          </a:prstGeom>
        </p:spPr>
      </p:pic>
      <p:pic>
        <p:nvPicPr>
          <p:cNvPr id="27" name="6 Crop"/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380399" y="2733767"/>
            <a:ext cx="449867" cy="321707"/>
          </a:xfrm>
          <a:prstGeom prst="rect">
            <a:avLst/>
          </a:prstGeom>
        </p:spPr>
      </p:pic>
      <p:pic>
        <p:nvPicPr>
          <p:cNvPr id="30" name="7 Scale picture"/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350673" y="3227757"/>
            <a:ext cx="479593" cy="335309"/>
          </a:xfrm>
          <a:prstGeom prst="rect">
            <a:avLst/>
          </a:prstGeom>
        </p:spPr>
      </p:pic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24936405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kumimoji="0" lang="da-DK"/>
              <a:t>Klik for at redigere i master</a:t>
            </a:r>
            <a:endParaRPr kumimoji="0" lang="en-US"/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60D634F-6CEE-4832-8BF6-75B5CE170738}" type="datetimeFigureOut">
              <a:rPr lang="da-DK" smtClean="0"/>
              <a:t>24-04-2024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2208A8C-5CE8-435D-9B57-9C1474F4D010}" type="slidenum">
              <a:rPr lang="da-DK" smtClean="0"/>
              <a:t>‹nr.›</a:t>
            </a:fld>
            <a:endParaRPr lang="da-DK"/>
          </a:p>
        </p:txBody>
      </p:sp>
      <p:sp>
        <p:nvSpPr>
          <p:cNvPr id="8" name="Pladsholder til indhold 7"/>
          <p:cNvSpPr>
            <a:spLocks noGrp="1"/>
          </p:cNvSpPr>
          <p:nvPr>
            <p:ph sz="quarter" idx="1"/>
          </p:nvPr>
        </p:nvSpPr>
        <p:spPr>
          <a:xfrm>
            <a:off x="1219200" y="1447800"/>
            <a:ext cx="10363200" cy="4572000"/>
          </a:xfrm>
        </p:spPr>
        <p:txBody>
          <a:bodyPr vert="horz"/>
          <a:lstStyle/>
          <a:p>
            <a:pPr lvl="0" eaLnBrk="1" latinLnBrk="0" hangingPunct="1"/>
            <a:r>
              <a:rPr lang="da-DK"/>
              <a:t>Klik for at redigere i master</a:t>
            </a:r>
          </a:p>
          <a:p>
            <a:pPr lvl="1" eaLnBrk="1" latinLnBrk="0" hangingPunct="1"/>
            <a:r>
              <a:rPr lang="da-DK"/>
              <a:t>Andet niveau</a:t>
            </a:r>
          </a:p>
          <a:p>
            <a:pPr lvl="2" eaLnBrk="1" latinLnBrk="0" hangingPunct="1"/>
            <a:r>
              <a:rPr lang="da-DK"/>
              <a:t>Tredje niveau</a:t>
            </a:r>
          </a:p>
          <a:p>
            <a:pPr lvl="3" eaLnBrk="1" latinLnBrk="0" hangingPunct="1"/>
            <a:r>
              <a:rPr lang="da-DK"/>
              <a:t>Fjerde niveau</a:t>
            </a:r>
          </a:p>
          <a:p>
            <a:pPr lvl="4" eaLnBrk="1" latinLnBrk="0" hangingPunct="1"/>
            <a:r>
              <a:rPr lang="da-DK"/>
              <a:t>Femte niveau</a:t>
            </a:r>
            <a:endParaRPr kumimoji="0" lang="en-US"/>
          </a:p>
        </p:txBody>
      </p:sp>
    </p:spTree>
    <p:extLst>
      <p:ext uri="{BB962C8B-B14F-4D97-AF65-F5344CB8AC3E}">
        <p14:creationId xmlns:p14="http://schemas.microsoft.com/office/powerpoint/2010/main" val="365317683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871200"/>
            <a:ext cx="103464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5005387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8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1" name="text" descr="{&quot;templafy&quot;:{&quot;id&quot;:&quot;19b996e8-f6be-4482-98c7-d89a2e0c2ae5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7" name="text" descr="{&quot;templafy&quot;:{&quot;id&quot;:&quot;d5e5a1ee-e3b4-4213-a11b-ebc48433ab9c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65887966-4CCE-471B-BD8A-22BDDF4D84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310474764" name="image" descr="{&quot;templafy&quot;:{&quot;id&quot;:&quot;b61d8fda-c831-4421-9223-1b861fafda3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677388570" name="image" descr="{&quot;templafy&quot;:{&quot;id&quot;:&quot;172ade11-9174-4c3e-9ef7-7cdfe1c3a4f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8" name="Region">
            <a:extLst>
              <a:ext uri="{FF2B5EF4-FFF2-40B4-BE49-F238E27FC236}">
                <a16:creationId xmlns:a16="http://schemas.microsoft.com/office/drawing/2014/main" id="{204795E4-6032-49BD-B627-A96652E1E21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39" name="Slide Number Placeholder 6">
            <a:extLst>
              <a:ext uri="{FF2B5EF4-FFF2-40B4-BE49-F238E27FC236}">
                <a16:creationId xmlns:a16="http://schemas.microsoft.com/office/drawing/2014/main" id="{F1BF98B3-A287-40EC-A13F-887DF8949C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920168602" name="image" descr="{&quot;templafy&quot;:{&quot;id&quot;:&quot;45f78145-74a6-48bb-a750-eb9ed699130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1" name="text" descr="{&quot;templafy&quot;:{&quot;id&quot;:&quot;408ed52f-0fe7-4550-a519-4760842ba231&quot;}}" title="Form.PresentationTitle">
            <a:extLst>
              <a:ext uri="{FF2B5EF4-FFF2-40B4-BE49-F238E27FC236}">
                <a16:creationId xmlns:a16="http://schemas.microsoft.com/office/drawing/2014/main" id="{73667E37-F6A1-4BF0-9D4E-71303A9A91B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2" name="text" descr="{&quot;templafy&quot;:{&quot;id&quot;:&quot;907e693b-46f2-4fd4-a613-08bd3f8323ed&quot;}}" title="UserProfile.Name">
            <a:extLst>
              <a:ext uri="{FF2B5EF4-FFF2-40B4-BE49-F238E27FC236}">
                <a16:creationId xmlns:a16="http://schemas.microsoft.com/office/drawing/2014/main" id="{5B212BE7-A151-4491-A211-020E39C1524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3" name="text" descr="{&quot;templafy&quot;:{&quot;id&quot;:&quot;d715f124-85b4-4e0c-87b2-1f79bf7a84de&quot;}}" hidden="1" title="Form.Manuel_dato">
            <a:extLst>
              <a:ext uri="{FF2B5EF4-FFF2-40B4-BE49-F238E27FC236}">
                <a16:creationId xmlns:a16="http://schemas.microsoft.com/office/drawing/2014/main" id="{9C8BDA12-0BCE-459B-A4A9-4F052A9FEF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text" descr="{&quot;templafy&quot;:{&quot;id&quot;:&quot;ddee8dde-d2dd-42fb-9346-bcb30946e644&quot;}}" title="UserProfile.Office.Virksomhed_{{DocumentLanguage}}">
            <a:extLst>
              <a:ext uri="{FF2B5EF4-FFF2-40B4-BE49-F238E27FC236}">
                <a16:creationId xmlns:a16="http://schemas.microsoft.com/office/drawing/2014/main" id="{77609BCA-1AB4-4F17-A931-E7C69B20BBF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21" name="text" descr="{&quot;templafy&quot;:{&quot;id&quot;:&quot;ea4c597f-fead-47a2-af7e-26ad05e2ae76&quot;}}" title="UserProfile.CenterFreeText">
            <a:extLst>
              <a:ext uri="{FF2B5EF4-FFF2-40B4-BE49-F238E27FC236}">
                <a16:creationId xmlns:a16="http://schemas.microsoft.com/office/drawing/2014/main" id="{2F6F7767-7180-4818-8F36-B6B0E5CC3C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3" name="text" descr="{&quot;templafy&quot;:{&quot;id&quot;:&quot;6d7e9ced-43e8-4ece-b46e-96dd1c9b1ca3&quot;}}" hidden="1" title="UserProfile.Centers.Center_{{DocumentLanguage}}">
            <a:extLst>
              <a:ext uri="{FF2B5EF4-FFF2-40B4-BE49-F238E27FC236}">
                <a16:creationId xmlns:a16="http://schemas.microsoft.com/office/drawing/2014/main" id="{010CC1B3-6BC4-4D56-BDF9-A4D6585E2FA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35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35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42f3c5c9-0cbe-4b0d-95c5-dd4a1dabae37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50" b="1" noProof="0" dirty="0">
                <a:solidFill>
                  <a:schemeClr val="bg1"/>
                </a:solidFill>
              </a:rPr>
              <a:t>Herlev og Gentofte Hospital</a:t>
            </a:r>
          </a:p>
        </p:txBody>
      </p:sp>
      <p:sp>
        <p:nvSpPr>
          <p:cNvPr id="17" name="text" descr="{&quot;templafy&quot;:{&quot;id&quot;:&quot;bd78be96-fc9f-49ed-9a7a-b6868de853b3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8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05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471b7cc8-8c83-496d-b79f-3ce2324f3728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05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d83160f1-dd5d-4c0c-b0fe-e4b59fb0dde4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750" dirty="0">
              <a:solidFill>
                <a:schemeClr val="bg1"/>
              </a:solidFill>
            </a:endParaRPr>
          </a:p>
        </p:txBody>
      </p:sp>
      <p:pic>
        <p:nvPicPr>
          <p:cNvPr id="792251572" name="image" descr="{&quot;templafy&quot;:{&quot;id&quot;:&quot;bc3c3b77-6ef6-4bd1-b217-9c9f42cc75c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98545092" name="image" descr="{&quot;templafy&quot;:{&quot;id&quot;:&quot;2c0ffa7b-cc7a-4428-bcee-c4c6ee420cf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d26647da-3c4b-4bce-abb2-15e4829e3bb6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75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e7841c4e-71ec-44bc-8b96-1d72c519a1d8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75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5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2" y="2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05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8" y="2006071"/>
            <a:ext cx="5213351" cy="3831675"/>
          </a:xfrm>
        </p:spPr>
        <p:txBody>
          <a:bodyPr/>
          <a:lstStyle>
            <a:lvl1pPr marL="202500" indent="-202500">
              <a:defRPr baseline="0">
                <a:solidFill>
                  <a:schemeClr val="bg1"/>
                </a:solidFill>
              </a:defRPr>
            </a:lvl1pPr>
            <a:lvl2pPr marL="472500" indent="-202500">
              <a:defRPr>
                <a:solidFill>
                  <a:schemeClr val="bg1"/>
                </a:solidFill>
              </a:defRPr>
            </a:lvl2pPr>
            <a:lvl3pPr marL="702000" indent="-175500">
              <a:defRPr>
                <a:solidFill>
                  <a:schemeClr val="bg1"/>
                </a:solidFill>
              </a:defRPr>
            </a:lvl3pPr>
            <a:lvl4pPr marL="972000" indent="-162000">
              <a:defRPr>
                <a:solidFill>
                  <a:schemeClr val="bg1"/>
                </a:solidFill>
              </a:defRPr>
            </a:lvl4pPr>
            <a:lvl5pPr marL="1242000" indent="-162000">
              <a:defRPr>
                <a:solidFill>
                  <a:schemeClr val="bg1"/>
                </a:solidFill>
              </a:defRPr>
            </a:lvl5pPr>
            <a:lvl6pPr marL="1498500" indent="-135000">
              <a:defRPr>
                <a:solidFill>
                  <a:schemeClr val="bg1"/>
                </a:solidFill>
              </a:defRPr>
            </a:lvl6pPr>
            <a:lvl7pPr marL="1768500" indent="-135000">
              <a:defRPr>
                <a:solidFill>
                  <a:schemeClr val="bg1"/>
                </a:solidFill>
              </a:defRPr>
            </a:lvl7pPr>
            <a:lvl8pPr marL="2038500" indent="-135000">
              <a:defRPr>
                <a:solidFill>
                  <a:schemeClr val="bg1"/>
                </a:solidFill>
              </a:defRPr>
            </a:lvl8pPr>
            <a:lvl9pPr marL="2038500" indent="-135000">
              <a:defRPr sz="75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98425135" name="image" descr="{&quot;templafy&quot;:{&quot;id&quot;:&quot;4e7fcc6a-08d2-48c8-a694-377899cba02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439547533" name="image" descr="{&quot;templafy&quot;:{&quot;id&quot;:&quot;5fa57b21-187e-49e2-b359-a0d9a026f39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37945483" name="image" descr="{&quot;templafy&quot;:{&quot;id&quot;:&quot;92557e74-301a-4b4a-b286-6d1030b1942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3" y="5763982"/>
            <a:ext cx="116417" cy="594784"/>
          </a:xfrm>
          <a:prstGeom prst="rect">
            <a:avLst/>
          </a:prstGeom>
        </p:spPr>
      </p:pic>
      <p:pic>
        <p:nvPicPr>
          <p:cNvPr id="1166728425" name="image" descr="{&quot;templafy&quot;:{&quot;id&quot;:&quot;068ff767-f53d-4f87-9e36-e9f2700ba53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06747015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00838549" name="image" descr="{&quot;templafy&quot;:{&quot;id&quot;:&quot;25f38b66-70fb-4cc8-8e20-99da997e70a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320833036" name="image" descr="{&quot;templafy&quot;:{&quot;id&quot;:&quot;5ca7ce1e-945b-496b-8ded-bf65ecb4b4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bed8c3b0-8f89-4178-bd31-d144dc37131a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32bf41ec-31ef-4f77-9939-105e80c90328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911920178" name="image" descr="{&quot;templafy&quot;:{&quot;id&quot;:&quot;87b93681-7b6d-4894-afa2-fa2a12f5fea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24984590" name="image" descr="{&quot;templafy&quot;:{&quot;id&quot;:&quot;7be1f3e2-7168-4a46-b66e-97e35de9248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79417187" name="image" descr="{&quot;templafy&quot;:{&quot;id&quot;:&quot;9a985061-ba65-4e1e-b9b4-334f2418c7a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8f73700c-2893-4e13-b47e-f09bbf24caf1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29" name="text" descr="{&quot;templafy&quot;:{&quot;id&quot;:&quot;961f9db6-2206-410a-98d6-0099377a9b70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4f17ec62-9777-4b6d-9921-9838f7c0c213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2e5ffa41-03d2-442d-b592-f8cb4182d3b2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870147844" name="image" descr="{&quot;templafy&quot;:{&quot;id&quot;:&quot;c05420c8-c579-4c80-81d2-6db99f1ca87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363728085" name="image" descr="{&quot;templafy&quot;:{&quot;id&quot;:&quot;b39778d2-d8b3-42c1-b7bb-9776302f4c6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1973767013" name="image" descr="{&quot;templafy&quot;:{&quot;id&quot;:&quot;2cc0220b-ac91-4408-a0e4-b193e4329bb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8776485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455374917" name="image" descr="{&quot;templafy&quot;:{&quot;id&quot;:&quot;408ac499-e049-4d96-9f89-97924220644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996796786" name="image" descr="{&quot;templafy&quot;:{&quot;id&quot;:&quot;1fdb54ad-4150-44a0-a5aa-f4872b303c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2ceffdea-5420-461f-8284-dff8a149d7e3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c5e42712-0520-4cb5-903c-8e72dfa70d60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81736951" name="image" descr="{&quot;templafy&quot;:{&quot;id&quot;:&quot;993eaade-68f9-4e10-b44c-50f8ce2a798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09273098" name="image" descr="{&quot;templafy&quot;:{&quot;id&quot;:&quot;40197927-6d51-4626-8bc7-7a3a1b43d46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015718788" name="image" descr="{&quot;templafy&quot;:{&quot;id&quot;:&quot;ff557e5f-7af0-4d50-abf8-96a4ec8323f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8a9ae112-37d4-4696-8691-33edeb2546b3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29" name="text" descr="{&quot;templafy&quot;:{&quot;id&quot;:&quot;9c2cd51a-5aa0-4c8e-9d73-1a33b5278f89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34ca2fb1-1baa-466c-8a74-294e793b9341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5725b75e-3a8d-4e9d-a92c-c060923489d0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27300754" name="image" descr="{&quot;templafy&quot;:{&quot;id&quot;:&quot;380b287f-821d-4de7-bf58-80588a373e3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365903742" name="image" descr="{&quot;templafy&quot;:{&quot;id&quot;:&quot;c6d7eded-d4fc-438d-b1c7-be5f65b00a1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31570410" name="image" descr="{&quot;templafy&quot;:{&quot;id&quot;:&quot;f0bf12e2-e61b-4d04-9631-b9d0e54376d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2118535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f150a62a-521f-40a9-a5fc-84a2106a80d5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7" name="text" descr="{&quot;templafy&quot;:{&quot;id&quot;:&quot;dea3acb8-5fb7-4022-a220-fd08d059e85f&quot;}}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8" name="text" descr="{&quot;templafy&quot;:{&quot;id&quot;:&quot;26d665b5-f862-46f4-8084-b9b974fe5e83&quot;}}" hidden="1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9" name="text" descr="{&quot;templafy&quot;:{&quot;id&quot;:&quot;cafd87d6-58b7-428f-80b9-f27682fcada5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498864228" name="image" descr="{&quot;templafy&quot;:{&quot;id&quot;:&quot;32f75904-3f66-460b-a189-e6ce37e3e95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262204692" name="image" descr="{&quot;templafy&quot;:{&quot;id&quot;:&quot;ee75b22d-1ede-4182-9ee1-7f1e76dea3c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6669591" name="image" descr="{&quot;templafy&quot;:{&quot;id&quot;:&quot;713839fb-ff7c-4488-9191-0de7832de02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45812522" name="image" descr="{&quot;templafy&quot;:{&quot;id&quot;:&quot;f0b6b5f3-9f3a-49b0-bed7-31289898781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55282290" name="image" descr="{&quot;templafy&quot;:{&quot;id&quot;:&quot;fdbe0297-9336-41ee-9db6-cd01b54f55c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79214071-0627-4c75-be01-2085ad6aaee0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18443716-f79e-4b66-95ea-4c4379f07db6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853947475" name="image" descr="{&quot;templafy&quot;:{&quot;id&quot;:&quot;c445ace7-3cc1-495a-9a00-4205568ec15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4073118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68148566" name="image" descr="{&quot;templafy&quot;:{&quot;id&quot;:&quot;0521a4e3-324d-421b-b448-f4f682c7912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d4d8a50f-0418-4d07-9e11-140e3bf1f87b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Herlev og Gentofte Hospital</a:t>
            </a:r>
          </a:p>
        </p:txBody>
      </p:sp>
      <p:sp>
        <p:nvSpPr>
          <p:cNvPr id="17" name="text" descr="{&quot;templafy&quot;:{&quot;id&quot;:&quot;2cc280fc-f87d-4b11-9c6c-2d475de60ce9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905e0130-b5d4-4ed6-88bc-70763973ae95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6201f4da-b974-4812-9bf8-1efdf8a96a5a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853334167" name="image" descr="{&quot;templafy&quot;:{&quot;id&quot;:&quot;f76b11ea-3a70-48f9-b6bf-5c1e1e8b1dd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98825046" name="image" descr="{&quot;templafy&quot;:{&quot;id&quot;:&quot;6b0fcdec-e176-4136-aa1a-172d43deeeb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2db05258-84fa-4fb1-8f7b-8751acb75d40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334c13cb-769d-4b74-90e3-0b5dd97000a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91646832" name="image" descr="{&quot;templafy&quot;:{&quot;id&quot;:&quot;b32b1efb-ad7b-40f6-b8e4-199e75594a0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278298349" name="image" descr="{&quot;templafy&quot;:{&quot;id&quot;:&quot;595e8cdb-8b2b-408c-8558-af2bf0dfe00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31478702" name="image" descr="{&quot;templafy&quot;:{&quot;id&quot;:&quot;077d4b4c-4e38-467a-b8d3-69692910f67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9191694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609edcd3-7250-437f-b51d-b5712036332f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11" name="text" descr="{&quot;templafy&quot;:{&quot;id&quot;:&quot;7f647b56-9de1-48b4-89df-3e0b3fcd625f&quot;}}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2298896b-6309-43db-bbb5-ef384a600d11&quot;}}" hidden="1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8675e93d-7d2a-4cd6-a34b-f8c3b8606eb8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711394919" name="image" descr="{&quot;templafy&quot;:{&quot;id&quot;:&quot;7339fd60-ee83-40c4-9ec6-66cecc2de1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85652681" name="image" descr="{&quot;templafy&quot;:{&quot;id&quot;:&quot;7948b2f1-8d15-4455-b96a-2470ac4746d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10376713" name="image" descr="{&quot;templafy&quot;:{&quot;id&quot;:&quot;fa60c75b-8a75-4b35-b549-da2360004b8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07930399" name="image" descr="{&quot;templafy&quot;:{&quot;id&quot;:&quot;1f4b3d91-7b22-4e94-be97-666eab116c0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22306316" name="image" descr="{&quot;templafy&quot;:{&quot;id&quot;:&quot;f8d507f6-3001-4b0a-94ab-d05b08c5c14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66c37cb3-759b-4d85-9f6b-398859c96db5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7f6b6c3d-976c-4863-bd43-5a82c4ca50b1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74322322" name="image" descr="{&quot;templafy&quot;:{&quot;id&quot;:&quot;211e5f6e-7695-45af-8963-97c33d5a8b8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8298238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a3c599df-4fae-4fee-81cd-664331673cc0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10" name="text" descr="{&quot;templafy&quot;:{&quot;id&quot;:&quot;d11d0796-a6b1-4d3b-8ef0-bce4e41e91b8&quot;}}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cb4cc99c-c490-4317-925a-8ef8a8885297&quot;}}" hidden="1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1296f233-45d5-4461-8da2-3003b05800a7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765318084" name="image" descr="{&quot;templafy&quot;:{&quot;id&quot;:&quot;6beff783-be0e-49c2-995e-9643b628b5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80281893" name="image" descr="{&quot;templafy&quot;:{&quot;id&quot;:&quot;3b7f4dbb-e8d7-43a5-aac7-bf1c63e1c8c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603438602" name="image" descr="{&quot;templafy&quot;:{&quot;id&quot;:&quot;2d103e39-56ba-4ee5-ab64-67da13cd9be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745195146" name="image" descr="{&quot;templafy&quot;:{&quot;id&quot;:&quot;d984439b-1244-4777-a041-f8d9d39d611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25971939" name="image" descr="{&quot;templafy&quot;:{&quot;id&quot;:&quot;4b02efde-f50b-4fc3-b12d-468a2531480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c2c72f82-76bc-4305-957f-3d5887001970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6" name="text" descr="{&quot;templafy&quot;:{&quot;id&quot;:&quot;daa21969-f174-4fbe-8ef2-c13182b24897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26431870" name="image" descr="{&quot;templafy&quot;:{&quot;id&quot;:&quot;2b6b31e8-e728-4195-81ca-797311ea5d7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3812904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cdcf29a0-4783-4573-8a26-147b18859ef6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9" name="text" descr="{&quot;templafy&quot;:{&quot;id&quot;:&quot;d9b0fe92-8837-45e4-9976-96d402702732&quot;}}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0" name="text" descr="{&quot;templafy&quot;:{&quot;id&quot;:&quot;bc1adb1f-08a1-4456-9dff-9fab6351d6b4&quot;}}" hidden="1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2ec59349-bddb-42e9-9830-0290e051b3f1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453617297" name="image" descr="{&quot;templafy&quot;:{&quot;id&quot;:&quot;2790b149-3fe7-4208-b7b8-03cea64f6aa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525108412" name="image" descr="{&quot;templafy&quot;:{&quot;id&quot;:&quot;b3a539da-7bc1-4f0d-9ff1-12bb6112c83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811589848" name="image" descr="{&quot;templafy&quot;:{&quot;id&quot;:&quot;271a52ce-ea68-4320-8e6e-e661ff7c276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846007350" name="image" descr="{&quot;templafy&quot;:{&quot;id&quot;:&quot;9b387b14-6450-41fa-baf5-fd4cf473b9f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547565753" name="image" descr="{&quot;templafy&quot;:{&quot;id&quot;:&quot;96f41a34-4a7a-414e-a652-97b03426343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55b0032b-adc1-4c39-addc-b5355edb2af0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6" name="text" descr="{&quot;templafy&quot;:{&quot;id&quot;:&quot;5e990f80-2c76-46e6-8d9e-52e0f38fdd01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575998364" name="image" descr="{&quot;templafy&quot;:{&quot;id&quot;:&quot;a3fecaa5-1c80-4bc0-8f37-72fe114ebe3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52375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969a693f-ebf8-465a-a185-169f3b548761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10" name="text" descr="{&quot;templafy&quot;:{&quot;id&quot;:&quot;b17f29f4-4a72-4f43-bcd3-88598c8a36e4&quot;}}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ad3f31ee-6507-4842-8baa-be2a6d0b8f84&quot;}}" hidden="1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0a5db02b-9c9f-44ae-bd51-f2c7d5727e71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167530" name="image" descr="{&quot;templafy&quot;:{&quot;id&quot;:&quot;c44a1b0b-4dc7-4b87-8f3a-f0bd1ccc258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089667350" name="image" descr="{&quot;templafy&quot;:{&quot;id&quot;:&quot;150d067d-c994-4bd9-954a-0155d707655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603280061" name="image" descr="{&quot;templafy&quot;:{&quot;id&quot;:&quot;6776a520-51db-4ded-827e-4cdf32215e6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84034772" name="image" descr="{&quot;templafy&quot;:{&quot;id&quot;:&quot;51b528fc-3d2a-4aa6-8958-835b54bd43c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66769836" name="image" descr="{&quot;templafy&quot;:{&quot;id&quot;:&quot;e69f4995-a79e-44da-9e8c-b359cccde89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5d2af477-39f8-4792-8c65-693a8efa9130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0109998d-9bb7-4f61-83de-fb7e0f5638e2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9689852" name="image" descr="{&quot;templafy&quot;:{&quot;id&quot;:&quot;d8163bf7-b5fe-41a5-bac8-d5219f8278a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85054387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08fb0b03-f492-479f-ae86-a07572feeccc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10" name="text" descr="{&quot;templafy&quot;:{&quot;id&quot;:&quot;6f03f89e-a069-47f2-a55a-53a62160a7f0&quot;}}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b995ec26-63ad-44a2-a8a2-d3f1fae0de00&quot;}}" hidden="1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1001a951-5db5-4381-b29b-30d4b131ca78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4077952" name="image" descr="{&quot;templafy&quot;:{&quot;id&quot;:&quot;e16e02fe-60b6-4654-9ab6-d0c83081fdf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400165477" name="image" descr="{&quot;templafy&quot;:{&quot;id&quot;:&quot;d10468d2-3a3b-4770-b7e6-f41e3d69982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037230496" name="image" descr="{&quot;templafy&quot;:{&quot;id&quot;:&quot;d07706c6-a42f-4f8b-9336-97159b9cfe5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648352531" name="image" descr="{&quot;templafy&quot;:{&quot;id&quot;:&quot;e2db6029-71b4-41ff-aa71-5cbae9e907c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98772164" name="image" descr="{&quot;templafy&quot;:{&quot;id&quot;:&quot;e0736bc2-b01f-4311-b24f-b5c32ec23f2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05573a7d-6254-4856-8ea6-963cc9574fdb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6" name="text" descr="{&quot;templafy&quot;:{&quot;id&quot;:&quot;c0aef98f-538c-49c6-9e07-093f112b6b85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341203260" name="image" descr="{&quot;templafy&quot;:{&quot;id&quot;:&quot;5a28d0b9-6729-4f6a-8e75-82ac31f551c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8249248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spalte &amp;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1152000" y="2818800"/>
            <a:ext cx="5004000" cy="2880399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119b70a5-42bd-498d-baf8-8cb5140ac1ec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6" name="text" descr="{&quot;templafy&quot;:{&quot;id&quot;:&quot;e6557669-16f1-4b9d-a9d4-8fe8fd9f6172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2D105E57-125C-464E-8C81-859B094C19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72646524" name="image" descr="{&quot;templafy&quot;:{&quot;id&quot;:&quot;36afc9fd-4b81-4160-9272-db073a46b71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2115139217" name="image" descr="{&quot;templafy&quot;:{&quot;id&quot;:&quot;ab51f406-5e1f-4a9d-a7fa-d83b66642b4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2" name="Region">
            <a:extLst>
              <a:ext uri="{FF2B5EF4-FFF2-40B4-BE49-F238E27FC236}">
                <a16:creationId xmlns:a16="http://schemas.microsoft.com/office/drawing/2014/main" id="{0035DACC-BB11-47B8-9068-0372568AF13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43" name="Slide Number Placeholder 6">
            <a:extLst>
              <a:ext uri="{FF2B5EF4-FFF2-40B4-BE49-F238E27FC236}">
                <a16:creationId xmlns:a16="http://schemas.microsoft.com/office/drawing/2014/main" id="{28AA4E73-DE2B-4DB0-B568-040DDF5B56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338550822" name="image" descr="{&quot;templafy&quot;:{&quot;id&quot;:&quot;27b20f65-8ba2-42fa-b63d-968dde996dc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5" name="text" descr="{&quot;templafy&quot;:{&quot;id&quot;:&quot;85537f41-bcbc-4774-9249-57bf650969fe&quot;}}" title="Form.PresentationTitle">
            <a:extLst>
              <a:ext uri="{FF2B5EF4-FFF2-40B4-BE49-F238E27FC236}">
                <a16:creationId xmlns:a16="http://schemas.microsoft.com/office/drawing/2014/main" id="{F6A741A6-1F1B-4975-9DF8-0D2B18CE3A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6" name="text" descr="{&quot;templafy&quot;:{&quot;id&quot;:&quot;ea9065ea-7ad5-4e67-bd7d-7656af2675ab&quot;}}" title="UserProfile.Name">
            <a:extLst>
              <a:ext uri="{FF2B5EF4-FFF2-40B4-BE49-F238E27FC236}">
                <a16:creationId xmlns:a16="http://schemas.microsoft.com/office/drawing/2014/main" id="{31633B78-D79D-4BE3-81F4-2300E6F35B0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7" name="text" descr="{&quot;templafy&quot;:{&quot;id&quot;:&quot;bb229a5c-9ee4-42e9-83ad-5d405387a2ab&quot;}}" hidden="1" title="Form.Manuel_dato">
            <a:extLst>
              <a:ext uri="{FF2B5EF4-FFF2-40B4-BE49-F238E27FC236}">
                <a16:creationId xmlns:a16="http://schemas.microsoft.com/office/drawing/2014/main" id="{DE3AD450-99A6-437D-A389-A29CD5F76C9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Pladsholder til billede 2">
            <a:extLst>
              <a:ext uri="{FF2B5EF4-FFF2-40B4-BE49-F238E27FC236}">
                <a16:creationId xmlns:a16="http://schemas.microsoft.com/office/drawing/2014/main" id="{3D1A3B3E-9C37-485F-B307-A3497BB72B8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27" name="text" descr="{&quot;templafy&quot;:{&quot;id&quot;:&quot;313a50ef-b5b1-43f4-8830-3fbb79ec8ad7&quot;}}" title="UserProfile.Office.Virksomhed_{{DocumentLanguage}}">
            <a:extLst>
              <a:ext uri="{FF2B5EF4-FFF2-40B4-BE49-F238E27FC236}">
                <a16:creationId xmlns:a16="http://schemas.microsoft.com/office/drawing/2014/main" id="{E221E22D-041F-4D0F-A6D1-659CB6E986A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28" name="text" descr="{&quot;templafy&quot;:{&quot;id&quot;:&quot;1ca83e5a-0006-43da-92b9-b3a1f235adce&quot;}}" title="UserProfile.CenterFreeText">
            <a:extLst>
              <a:ext uri="{FF2B5EF4-FFF2-40B4-BE49-F238E27FC236}">
                <a16:creationId xmlns:a16="http://schemas.microsoft.com/office/drawing/2014/main" id="{02BF42D2-A618-4A52-937B-A533EA495EB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9" name="text" descr="{&quot;templafy&quot;:{&quot;id&quot;:&quot;63a80829-494d-49a6-8da2-ad238e3d53bf&quot;}}" hidden="1" title="UserProfile.Centers.Center_{{DocumentLanguage}}">
            <a:extLst>
              <a:ext uri="{FF2B5EF4-FFF2-40B4-BE49-F238E27FC236}">
                <a16:creationId xmlns:a16="http://schemas.microsoft.com/office/drawing/2014/main" id="{0157B927-C286-498C-984E-A14B19B58AD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246e4f44-ea21-4a19-a8d4-0bcb232d03d4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10" name="text" descr="{&quot;templafy&quot;:{&quot;id&quot;:&quot;8c294292-c551-4840-ad91-9f8ce1cd6adc&quot;}}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12cfd288-3557-47f1-88bc-33f418dcb176&quot;}}" hidden="1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828fa41a-b6b5-4e24-9017-b9876ce47e23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56808397" name="image" descr="{&quot;templafy&quot;:{&quot;id&quot;:&quot;d36dc177-bb83-4b42-b670-32c3b4e1276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421022760" name="image" descr="{&quot;templafy&quot;:{&quot;id&quot;:&quot;9b55dfc3-5a02-4f18-8c92-7e06cbe69ee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123307778" name="image" descr="{&quot;templafy&quot;:{&quot;id&quot;:&quot;2377b738-3d6e-4081-82fa-2f36598e17f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161366143" name="image" descr="{&quot;templafy&quot;:{&quot;id&quot;:&quot;da14ffa7-401b-40a4-91fa-4c524de21b2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2784261" name="image" descr="{&quot;templafy&quot;:{&quot;id&quot;:&quot;d626aaa7-1121-49b7-8def-46447dee6ec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1f248db5-593a-439c-9bbe-bda09ad677f3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efecae8a-7f34-4bea-a3f1-698e56ab3ce6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47153317" name="image" descr="{&quot;templafy&quot;:{&quot;id&quot;:&quot;aacf6d0d-6338-4791-baef-a4d156c3d3f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3955946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8a60cc6b-4abd-467b-833d-d14a0ec12d0a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15" name="text" descr="{&quot;templafy&quot;:{&quot;id&quot;:&quot;c14ada9d-4fd0-4c5b-99bc-3d734854fb59&quot;}}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6" name="text" descr="{&quot;templafy&quot;:{&quot;id&quot;:&quot;b8fec446-2d30-4024-9b2c-0e8c20ea7905&quot;}}" hidden="1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8" name="text" descr="{&quot;templafy&quot;:{&quot;id&quot;:&quot;6941d2a9-1b3f-4197-a76b-448db06a5160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72184129" name="image" descr="{&quot;templafy&quot;:{&quot;id&quot;:&quot;cd0784af-a973-475b-9b87-bb77eeb410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706410007" name="image" descr="{&quot;templafy&quot;:{&quot;id&quot;:&quot;25214c5a-c174-4b0d-8cdd-321f6af3f6f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873049224" name="image" descr="{&quot;templafy&quot;:{&quot;id&quot;:&quot;aee883fc-a6c5-45ae-9007-71aeb80543b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28362711" name="image" descr="{&quot;templafy&quot;:{&quot;id&quot;:&quot;7b8141c8-9e46-4b1b-a475-ca289be8e53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08085424" name="image" descr="{&quot;templafy&quot;:{&quot;id&quot;:&quot;681dd0ba-1652-4da3-bc26-f919a538f68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ed13e686-ea79-4b18-b30e-61568f4b772f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1" name="text" descr="{&quot;templafy&quot;:{&quot;id&quot;:&quot;81901e73-7ef9-47d9-a50d-1f611cfa3677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027281697" name="image" descr="{&quot;templafy&quot;:{&quot;id&quot;:&quot;af07a74f-5629-4e78-82a1-38e3ff93334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6935530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4274669376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484095767" name="image" descr="{&quot;templafy&quot;:{&quot;id&quot;:&quot;138b9916-0a8a-4a5d-b9a5-038cedfee8f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adfc36d8-0bb7-4806-bcfe-5c0e2efa3b03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Herlev og Gentofte Hospital</a:t>
            </a:r>
          </a:p>
        </p:txBody>
      </p:sp>
      <p:sp>
        <p:nvSpPr>
          <p:cNvPr id="17" name="text" descr="{&quot;templafy&quot;:{&quot;id&quot;:&quot;ea0a136d-ae98-4215-b591-64baeffc8c3b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b30bb569-229c-4adc-ac8c-8aa0ce7295fb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886094b9-1aa6-4731-95c6-4cf18d261c72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790041110" name="image" descr="{&quot;templafy&quot;:{&quot;id&quot;:&quot;8a7de878-1581-4009-a4f5-6ff619a9b84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12953435" name="image" descr="{&quot;templafy&quot;:{&quot;id&quot;:&quot;23dd6ded-319f-4e6f-99a5-87f1b482fc9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9f884254-d8e4-403e-9319-5b783fca6634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9727fef-c53c-4a45-a3ad-24e1b0bd55dc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436573895" name="image" descr="{&quot;templafy&quot;:{&quot;id&quot;:&quot;8a110a48-cb64-4fa8-bb18-f1dd68a2130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926996181" name="image" descr="{&quot;templafy&quot;:{&quot;id&quot;:&quot;a5429002-c553-4f3a-a243-f041f883681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976221110" name="image" descr="{&quot;templafy&quot;:{&quot;id&quot;:&quot;d2ba8460-0bf8-4ca5-a9c3-a806b261f8a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2037592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42f3c5c9-0cbe-4b0d-95c5-dd4a1dabae37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Herlev og Gentofte Hospital</a:t>
            </a:r>
          </a:p>
        </p:txBody>
      </p:sp>
      <p:sp>
        <p:nvSpPr>
          <p:cNvPr id="17" name="text" descr="{&quot;templafy&quot;:{&quot;id&quot;:&quot;bd78be96-fc9f-49ed-9a7a-b6868de853b3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471b7cc8-8c83-496d-b79f-3ce2324f3728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d83160f1-dd5d-4c0c-b0fe-e4b59fb0dde4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792251572" name="image" descr="{&quot;templafy&quot;:{&quot;id&quot;:&quot;bc3c3b77-6ef6-4bd1-b217-9c9f42cc75c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98545092" name="image" descr="{&quot;templafy&quot;:{&quot;id&quot;:&quot;2c0ffa7b-cc7a-4428-bcee-c4c6ee420cf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d26647da-3c4b-4bce-abb2-15e4829e3bb6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e7841c4e-71ec-44bc-8b96-1d72c519a1d8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98425135" name="image" descr="{&quot;templafy&quot;:{&quot;id&quot;:&quot;4e7fcc6a-08d2-48c8-a694-377899cba02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439547533" name="image" descr="{&quot;templafy&quot;:{&quot;id&quot;:&quot;5fa57b21-187e-49e2-b359-a0d9a026f39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37945483" name="image" descr="{&quot;templafy&quot;:{&quot;id&quot;:&quot;92557e74-301a-4b4a-b286-6d1030b1942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166728425" name="image" descr="{&quot;templafy&quot;:{&quot;id&quot;:&quot;068ff767-f53d-4f87-9e36-e9f2700ba53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4236593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05003485" name="image" descr="{&quot;templafy&quot;:{&quot;id&quot;:&quot;291e56e8-27fd-4f81-b90c-8e1bba8ae1e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20105690" name="image" descr="{&quot;templafy&quot;:{&quot;id&quot;:&quot;09653576-d4e1-4583-8710-fda625650d8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ebe5d16b-b2e1-4efc-975b-5d50f4ab343e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12" name="text" descr="{&quot;templafy&quot;:{&quot;id&quot;:&quot;775594ef-cc0a-4905-b315-fcd434489b9f&quot;}}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32027658-6d51-4092-b569-90503108d354&quot;}}" hidden="1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f247aedd-7623-48b3-a0ed-e66f618a01dd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610317368" name="image" descr="{&quot;templafy&quot;:{&quot;id&quot;:&quot;dbd5a6db-1410-461e-8adb-79b8661425e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801265127" name="image" descr="{&quot;templafy&quot;:{&quot;id&quot;:&quot;33efc017-d57b-4e68-bdce-a82cb6da7b9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25733592" name="image" descr="{&quot;templafy&quot;:{&quot;id&quot;:&quot;675ce336-6769-42b3-9da0-d61e712402d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71ac53f8-ce12-40f1-9409-c825f035f779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8" name="text" descr="{&quot;templafy&quot;:{&quot;id&quot;:&quot;d30cac0c-6968-44c3-a8e9-2e4bca7fa367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25006369" name="image" descr="{&quot;templafy&quot;:{&quot;id&quot;:&quot;fce792ef-d5ac-4c1a-b4ca-afaab8c5a54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8734039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5731054" name="image" descr="{&quot;templafy&quot;:{&quot;id&quot;:&quot;e0b526d4-3465-4cd0-a92f-51c25f250ab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878123344" name="image" descr="{&quot;templafy&quot;:{&quot;id&quot;:&quot;3ce801e6-f0c7-455e-af58-724433ff827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773130636" name="image" descr="{&quot;templafy&quot;:{&quot;id&quot;:&quot;0171e5c4-cb12-4fb4-8d63-ade7767d1e5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57302119-ca8c-447a-8cce-5b58a0a6ce1d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Herlev og Gentofte Hospital</a:t>
            </a:r>
          </a:p>
        </p:txBody>
      </p:sp>
      <p:sp>
        <p:nvSpPr>
          <p:cNvPr id="27" name="text" descr="{&quot;templafy&quot;:{&quot;id&quot;:&quot;14d6db83-6210-4550-8215-cf9209b11e9c&quot;}}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8" name="text" descr="{&quot;templafy&quot;:{&quot;id&quot;:&quot;fa643b05-8b06-4182-a80f-cdcfa229a3cd&quot;}}" hidden="1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6" name="text" descr="{&quot;templafy&quot;:{&quot;id&quot;:&quot;1a2cd7d7-bc6c-4f09-aff1-2b091a44f4ba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459146869" name="image" descr="{&quot;templafy&quot;:{&quot;id&quot;:&quot;c3a1c9cf-7ade-4c2c-8afd-df885ce2925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225706832" name="image" descr="{&quot;templafy&quot;:{&quot;id&quot;:&quot;6d68c45a-801c-4630-b45d-57783b01b4e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7dda4dc1-975f-4d25-b7fb-cc27a7020373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30" name="text" descr="{&quot;templafy&quot;:{&quot;id&quot;:&quot;af2799ba-9a2f-41e8-88d7-999dac9bc602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145957540" name="image" descr="{&quot;templafy&quot;:{&quot;id&quot;:&quot;b3fad98e-58bf-48e0-89a4-5931ea8f0c0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6209926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05201727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CF3BD86-62EC-4EAC-8E1C-15AE29AC5160}" type="datetimeFigureOut">
              <a:rPr lang="da-DK" smtClean="0"/>
              <a:t>24-04-2024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FC76642-8AE7-4026-A304-17B89EF145C6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2082774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Billede 13">
            <a:extLst>
              <a:ext uri="{FF2B5EF4-FFF2-40B4-BE49-F238E27FC236}">
                <a16:creationId xmlns:a16="http://schemas.microsoft.com/office/drawing/2014/main" id="{0CA4B568-16F0-49FD-8A62-19B58CB0A7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87389" y="0"/>
            <a:ext cx="11504612" cy="68580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87389" y="0"/>
            <a:ext cx="11504612" cy="6858000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658626015" name="image" descr="{&quot;templafy&quot;:{&quot;id&quot;:&quot;b97bf33d-37d9-47b5-8bdc-92df3bf556e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2" name="Region">
            <a:extLst>
              <a:ext uri="{FF2B5EF4-FFF2-40B4-BE49-F238E27FC236}">
                <a16:creationId xmlns:a16="http://schemas.microsoft.com/office/drawing/2014/main" id="{4B52B8E2-6BE8-4A48-BDA5-CA83AC5998D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4E64E0DD-54B3-4256-9053-5E9FD709A9D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1" cy="6858000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-1510" y="-4"/>
            <a:ext cx="12193509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612000" anchor="ctr" anchorCtr="0">
            <a:noAutofit/>
          </a:bodyPr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  <a:p>
            <a:r>
              <a:rPr lang="da-DK" dirty="0"/>
              <a:t>Klik på ikon for at indsætte billede</a:t>
            </a:r>
          </a:p>
        </p:txBody>
      </p:sp>
      <p:pic>
        <p:nvPicPr>
          <p:cNvPr id="1802057196" name="image" descr="{&quot;templafy&quot;:{&quot;id&quot;:&quot;8033010a-fdf4-4fad-b6bd-968d1eca2be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989137"/>
            <a:ext cx="10346400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d50c380b-e287-41d0-ac6b-ecef35f2e483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0" name="text" descr="{&quot;templafy&quot;:{&quot;id&quot;:&quot;7d87e4d9-7466-4ec6-b49a-82c7076b6dc5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064B15F5-5B2E-4D57-B166-25D0A73F88C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4712996" name="image" descr="{&quot;templafy&quot;:{&quot;id&quot;:&quot;bffc4d6a-cf60-4a88-8db6-cbcb503086f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4744EE00-97F0-4D5C-A042-B8AD2AC373A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109923388" name="image" descr="{&quot;templafy&quot;:{&quot;id&quot;:&quot;a4a63055-971a-4153-a782-2b43c7c834c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4" name="Slide Number Placeholder 6">
            <a:extLst>
              <a:ext uri="{FF2B5EF4-FFF2-40B4-BE49-F238E27FC236}">
                <a16:creationId xmlns:a16="http://schemas.microsoft.com/office/drawing/2014/main" id="{E9485BA0-2FB3-49E0-A840-0B4EA2DA995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124546270" name="image" descr="{&quot;templafy&quot;:{&quot;id&quot;:&quot;39a49eab-4542-411d-9071-80e9114e72b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36" name="text" descr="{&quot;templafy&quot;:{&quot;id&quot;:&quot;a2a16516-0e58-4f91-b3bd-f0998e09a3ff&quot;}}" title="Form.PresentationTitle">
            <a:extLst>
              <a:ext uri="{FF2B5EF4-FFF2-40B4-BE49-F238E27FC236}">
                <a16:creationId xmlns:a16="http://schemas.microsoft.com/office/drawing/2014/main" id="{60251709-333A-40B7-BD21-B5E8D9D019F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37" name="text" descr="{&quot;templafy&quot;:{&quot;id&quot;:&quot;d193c474-e008-477c-8aeb-801ae5d5e269&quot;}}" title="UserProfile.Name">
            <a:extLst>
              <a:ext uri="{FF2B5EF4-FFF2-40B4-BE49-F238E27FC236}">
                <a16:creationId xmlns:a16="http://schemas.microsoft.com/office/drawing/2014/main" id="{F0FE03D1-C3FC-4C30-B7E9-502F7D222C7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8" name="text" descr="{&quot;templafy&quot;:{&quot;id&quot;:&quot;420f35be-8ec6-4df9-8110-e2a9c53581e3&quot;}}" hidden="1" title="Form.Manuel_dato">
            <a:extLst>
              <a:ext uri="{FF2B5EF4-FFF2-40B4-BE49-F238E27FC236}">
                <a16:creationId xmlns:a16="http://schemas.microsoft.com/office/drawing/2014/main" id="{5C1A8FEE-7F47-4710-B8A7-232AF39EE81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8" name="text" descr="{&quot;templafy&quot;:{&quot;id&quot;:&quot;94426a49-1aa1-4680-b90a-1dbef84ddfad&quot;}}" title="UserProfile.Office.Virksomhed_{{DocumentLanguage}}">
            <a:extLst>
              <a:ext uri="{FF2B5EF4-FFF2-40B4-BE49-F238E27FC236}">
                <a16:creationId xmlns:a16="http://schemas.microsoft.com/office/drawing/2014/main" id="{2DBCDD0D-F9E6-4488-8BFB-DFB45D0CC4A6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Amager og Hvidovre Hospital</a:t>
            </a:r>
          </a:p>
        </p:txBody>
      </p:sp>
      <p:sp>
        <p:nvSpPr>
          <p:cNvPr id="19" name="text" descr="{&quot;templafy&quot;:{&quot;id&quot;:&quot;02e024e5-4fff-476e-a157-46b0fbf7bfb9&quot;}}" title="UserProfile.CenterFreeText">
            <a:extLst>
              <a:ext uri="{FF2B5EF4-FFF2-40B4-BE49-F238E27FC236}">
                <a16:creationId xmlns:a16="http://schemas.microsoft.com/office/drawing/2014/main" id="{1D635F2E-5DB8-4DB5-886A-B88840BA70C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2" name="text" descr="{&quot;templafy&quot;:{&quot;id&quot;:&quot;baddd43c-ccbe-4f07-a090-d102a19e5748&quot;}}" hidden="1" title="UserProfile.Centers.Center_{{DocumentLanguage}}">
            <a:extLst>
              <a:ext uri="{FF2B5EF4-FFF2-40B4-BE49-F238E27FC236}">
                <a16:creationId xmlns:a16="http://schemas.microsoft.com/office/drawing/2014/main" id="{A31530E1-471A-49B7-AAD2-C83F844EB72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6270588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646509584" name="image" descr="{&quot;templafy&quot;:{&quot;id&quot;:&quot;ddef0933-ac9f-49b6-a038-f6bdef244d0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871200"/>
            <a:ext cx="10346400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pic>
        <p:nvPicPr>
          <p:cNvPr id="1799273959" name="image" descr="{&quot;templafy&quot;:{&quot;id&quot;:&quot;6bd99b76-8680-4f8e-a00c-82cd413f3e6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C3495182-5107-409C-A143-D7D7A7B12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9a92641d-bfd9-4c7c-ae9a-4603afc87d93&quot;}}" title="Form.PresentationTitle">
            <a:extLst>
              <a:ext uri="{FF2B5EF4-FFF2-40B4-BE49-F238E27FC236}">
                <a16:creationId xmlns:a16="http://schemas.microsoft.com/office/drawing/2014/main" id="{A25EAAD8-22BE-4DDE-A0B7-A562A873B1CF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3" name="text" descr="{&quot;templafy&quot;:{&quot;id&quot;:&quot;c96a9419-0e49-40e6-8692-87967ac59269&quot;}}" title="UserProfile.Name">
            <a:extLst>
              <a:ext uri="{FF2B5EF4-FFF2-40B4-BE49-F238E27FC236}">
                <a16:creationId xmlns:a16="http://schemas.microsoft.com/office/drawing/2014/main" id="{0C8CDCAE-194B-4693-ACA9-C5D20C9F7D7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4" name="text" descr="{&quot;templafy&quot;:{&quot;id&quot;:&quot;33a11270-00eb-42be-936b-8be4d533b310&quot;}}" hidden="1" title="Form.Manuel_dato">
            <a:extLst>
              <a:ext uri="{FF2B5EF4-FFF2-40B4-BE49-F238E27FC236}">
                <a16:creationId xmlns:a16="http://schemas.microsoft.com/office/drawing/2014/main" id="{20809CE6-B84A-48B8-B0DC-6622B10014D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253364874" name="image" descr="{&quot;templafy&quot;:{&quot;id&quot;:&quot;8ddb3e2b-ae23-464f-a7bf-6b7e940a5b7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8" name="text" descr="{&quot;templafy&quot;:{&quot;id&quot;:&quot;377d1c72-b049-4b11-9e66-660a83b52683&quot;}}" title="UserProfile.Office.Virksomhed_{{DocumentLanguage}}">
            <a:extLst>
              <a:ext uri="{FF2B5EF4-FFF2-40B4-BE49-F238E27FC236}">
                <a16:creationId xmlns:a16="http://schemas.microsoft.com/office/drawing/2014/main" id="{078442C8-430D-49C7-939D-7CFBE09CBB4E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19" name="text" descr="{&quot;templafy&quot;:{&quot;id&quot;:&quot;2778ea99-887c-4a7d-bee2-3d00a52ae38e&quot;}}" title="UserProfile.CenterFreeText">
            <a:extLst>
              <a:ext uri="{FF2B5EF4-FFF2-40B4-BE49-F238E27FC236}">
                <a16:creationId xmlns:a16="http://schemas.microsoft.com/office/drawing/2014/main" id="{03A44076-B51F-4536-BE11-37726CE49C7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0" name="text" descr="{&quot;templafy&quot;:{&quot;id&quot;:&quot;f3dbc2b8-a705-417a-b6b2-dfda6a9c5772&quot;}}" hidden="1" title="UserProfile.Centers.Center_{{DocumentLanguage}}">
            <a:extLst>
              <a:ext uri="{FF2B5EF4-FFF2-40B4-BE49-F238E27FC236}">
                <a16:creationId xmlns:a16="http://schemas.microsoft.com/office/drawing/2014/main" id="{603E9EBE-F979-48B2-8974-E53752AA34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1" name="Pladsholder til indhold 2">
            <a:extLst>
              <a:ext uri="{FF2B5EF4-FFF2-40B4-BE49-F238E27FC236}">
                <a16:creationId xmlns:a16="http://schemas.microsoft.com/office/drawing/2014/main" id="{9C551DF5-75C3-4053-ACEB-C34B7D378640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1990800"/>
            <a:ext cx="10346400" cy="3708000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818000" indent="0">
              <a:buNone/>
              <a:defRPr>
                <a:solidFill>
                  <a:schemeClr val="bg1"/>
                </a:solidFill>
              </a:defRPr>
            </a:lvl6pPr>
            <a:lvl7pPr marL="2178000" indent="0">
              <a:buNone/>
              <a:defRPr>
                <a:solidFill>
                  <a:schemeClr val="bg1"/>
                </a:solidFill>
              </a:defRPr>
            </a:lvl7pPr>
            <a:lvl8pPr marL="2538000" indent="0">
              <a:buNone/>
              <a:defRPr>
                <a:solidFill>
                  <a:schemeClr val="bg1"/>
                </a:solidFill>
              </a:defRPr>
            </a:lvl8pPr>
            <a:lvl9pPr marL="2538000" indent="0"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</p:spTree>
    <p:extLst>
      <p:ext uri="{BB962C8B-B14F-4D97-AF65-F5344CB8AC3E}">
        <p14:creationId xmlns:p14="http://schemas.microsoft.com/office/powerpoint/2010/main" val="279897418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3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18.xml"/><Relationship Id="rId7" Type="http://schemas.openxmlformats.org/officeDocument/2006/relationships/slideLayout" Target="../slideLayouts/slideLayout22.xml"/><Relationship Id="rId12" Type="http://schemas.openxmlformats.org/officeDocument/2006/relationships/slideLayout" Target="../slideLayouts/slideLayout27.xml"/><Relationship Id="rId2" Type="http://schemas.openxmlformats.org/officeDocument/2006/relationships/slideLayout" Target="../slideLayouts/slideLayout17.xml"/><Relationship Id="rId1" Type="http://schemas.openxmlformats.org/officeDocument/2006/relationships/slideLayout" Target="../slideLayouts/slideLayout16.xml"/><Relationship Id="rId6" Type="http://schemas.openxmlformats.org/officeDocument/2006/relationships/slideLayout" Target="../slideLayouts/slideLayout21.xml"/><Relationship Id="rId11" Type="http://schemas.openxmlformats.org/officeDocument/2006/relationships/slideLayout" Target="../slideLayouts/slideLayout26.xml"/><Relationship Id="rId5" Type="http://schemas.openxmlformats.org/officeDocument/2006/relationships/slideLayout" Target="../slideLayouts/slideLayout20.xml"/><Relationship Id="rId10" Type="http://schemas.openxmlformats.org/officeDocument/2006/relationships/slideLayout" Target="../slideLayouts/slideLayout25.xml"/><Relationship Id="rId4" Type="http://schemas.openxmlformats.org/officeDocument/2006/relationships/slideLayout" Target="../slideLayouts/slideLayout19.xml"/><Relationship Id="rId9" Type="http://schemas.openxmlformats.org/officeDocument/2006/relationships/slideLayout" Target="../slideLayouts/slideLayout24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5.xml"/><Relationship Id="rId13" Type="http://schemas.openxmlformats.org/officeDocument/2006/relationships/slideLayout" Target="../slideLayouts/slideLayout40.xml"/><Relationship Id="rId18" Type="http://schemas.openxmlformats.org/officeDocument/2006/relationships/image" Target="../media/image3.emf"/><Relationship Id="rId3" Type="http://schemas.openxmlformats.org/officeDocument/2006/relationships/slideLayout" Target="../slideLayouts/slideLayout30.xml"/><Relationship Id="rId7" Type="http://schemas.openxmlformats.org/officeDocument/2006/relationships/slideLayout" Target="../slideLayouts/slideLayout34.xml"/><Relationship Id="rId12" Type="http://schemas.openxmlformats.org/officeDocument/2006/relationships/slideLayout" Target="../slideLayouts/slideLayout39.xml"/><Relationship Id="rId17" Type="http://schemas.openxmlformats.org/officeDocument/2006/relationships/image" Target="../media/image2.wmf"/><Relationship Id="rId2" Type="http://schemas.openxmlformats.org/officeDocument/2006/relationships/slideLayout" Target="../slideLayouts/slideLayout29.xml"/><Relationship Id="rId16" Type="http://schemas.openxmlformats.org/officeDocument/2006/relationships/image" Target="../media/image1.png"/><Relationship Id="rId1" Type="http://schemas.openxmlformats.org/officeDocument/2006/relationships/slideLayout" Target="../slideLayouts/slideLayout28.xml"/><Relationship Id="rId6" Type="http://schemas.openxmlformats.org/officeDocument/2006/relationships/slideLayout" Target="../slideLayouts/slideLayout33.xml"/><Relationship Id="rId11" Type="http://schemas.openxmlformats.org/officeDocument/2006/relationships/slideLayout" Target="../slideLayouts/slideLayout38.xml"/><Relationship Id="rId5" Type="http://schemas.openxmlformats.org/officeDocument/2006/relationships/slideLayout" Target="../slideLayouts/slideLayout32.xml"/><Relationship Id="rId15" Type="http://schemas.openxmlformats.org/officeDocument/2006/relationships/image" Target="../media/image7.png"/><Relationship Id="rId10" Type="http://schemas.openxmlformats.org/officeDocument/2006/relationships/slideLayout" Target="../slideLayouts/slideLayout37.xml"/><Relationship Id="rId4" Type="http://schemas.openxmlformats.org/officeDocument/2006/relationships/slideLayout" Target="../slideLayouts/slideLayout31.xml"/><Relationship Id="rId9" Type="http://schemas.openxmlformats.org/officeDocument/2006/relationships/slideLayout" Target="../slideLayouts/slideLayout36.xml"/><Relationship Id="rId14" Type="http://schemas.openxmlformats.org/officeDocument/2006/relationships/theme" Target="../theme/theme3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8.xml"/><Relationship Id="rId13" Type="http://schemas.openxmlformats.org/officeDocument/2006/relationships/slideLayout" Target="../slideLayouts/slideLayout53.xml"/><Relationship Id="rId18" Type="http://schemas.openxmlformats.org/officeDocument/2006/relationships/slideLayout" Target="../slideLayouts/slideLayout58.xml"/><Relationship Id="rId3" Type="http://schemas.openxmlformats.org/officeDocument/2006/relationships/slideLayout" Target="../slideLayouts/slideLayout43.xml"/><Relationship Id="rId7" Type="http://schemas.openxmlformats.org/officeDocument/2006/relationships/slideLayout" Target="../slideLayouts/slideLayout47.xml"/><Relationship Id="rId12" Type="http://schemas.openxmlformats.org/officeDocument/2006/relationships/slideLayout" Target="../slideLayouts/slideLayout52.xml"/><Relationship Id="rId17" Type="http://schemas.openxmlformats.org/officeDocument/2006/relationships/slideLayout" Target="../slideLayouts/slideLayout57.xml"/><Relationship Id="rId2" Type="http://schemas.openxmlformats.org/officeDocument/2006/relationships/slideLayout" Target="../slideLayouts/slideLayout42.xml"/><Relationship Id="rId16" Type="http://schemas.openxmlformats.org/officeDocument/2006/relationships/slideLayout" Target="../slideLayouts/slideLayout56.xml"/><Relationship Id="rId1" Type="http://schemas.openxmlformats.org/officeDocument/2006/relationships/slideLayout" Target="../slideLayouts/slideLayout41.xml"/><Relationship Id="rId6" Type="http://schemas.openxmlformats.org/officeDocument/2006/relationships/slideLayout" Target="../slideLayouts/slideLayout46.xml"/><Relationship Id="rId11" Type="http://schemas.openxmlformats.org/officeDocument/2006/relationships/slideLayout" Target="../slideLayouts/slideLayout51.xml"/><Relationship Id="rId5" Type="http://schemas.openxmlformats.org/officeDocument/2006/relationships/slideLayout" Target="../slideLayouts/slideLayout45.xml"/><Relationship Id="rId15" Type="http://schemas.openxmlformats.org/officeDocument/2006/relationships/slideLayout" Target="../slideLayouts/slideLayout55.xml"/><Relationship Id="rId10" Type="http://schemas.openxmlformats.org/officeDocument/2006/relationships/slideLayout" Target="../slideLayouts/slideLayout50.xml"/><Relationship Id="rId19" Type="http://schemas.openxmlformats.org/officeDocument/2006/relationships/theme" Target="../theme/theme4.xml"/><Relationship Id="rId4" Type="http://schemas.openxmlformats.org/officeDocument/2006/relationships/slideLayout" Target="../slideLayouts/slideLayout44.xml"/><Relationship Id="rId9" Type="http://schemas.openxmlformats.org/officeDocument/2006/relationships/slideLayout" Target="../slideLayouts/slideLayout49.xml"/><Relationship Id="rId14" Type="http://schemas.openxmlformats.org/officeDocument/2006/relationships/slideLayout" Target="../slideLayouts/slideLayout5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51999" y="872078"/>
            <a:ext cx="10344675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52000" y="1993524"/>
            <a:ext cx="10344674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92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85" r:id="rId3"/>
    <p:sldLayoutId id="2147483659" r:id="rId4"/>
    <p:sldLayoutId id="2147483662" r:id="rId5"/>
    <p:sldLayoutId id="2147483689" r:id="rId6"/>
    <p:sldLayoutId id="2147483690" r:id="rId7"/>
    <p:sldLayoutId id="2147483681" r:id="rId8"/>
    <p:sldLayoutId id="2147483691" r:id="rId9"/>
    <p:sldLayoutId id="2147483672" r:id="rId10"/>
    <p:sldLayoutId id="2147483663" r:id="rId11"/>
    <p:sldLayoutId id="2147483687" r:id="rId12"/>
    <p:sldLayoutId id="2147483749" r:id="rId13"/>
    <p:sldLayoutId id="2147483750" r:id="rId14"/>
    <p:sldLayoutId id="2147483751" r:id="rId15"/>
  </p:sldLayoutIdLst>
  <p:hf sldNum="0"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51999" y="872078"/>
            <a:ext cx="10344675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52000" y="1993524"/>
            <a:ext cx="10344674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92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4972110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9" r:id="rId1"/>
    <p:sldLayoutId id="2147483700" r:id="rId2"/>
    <p:sldLayoutId id="2147483701" r:id="rId3"/>
    <p:sldLayoutId id="2147483702" r:id="rId4"/>
    <p:sldLayoutId id="2147483703" r:id="rId5"/>
    <p:sldLayoutId id="2147483704" r:id="rId6"/>
    <p:sldLayoutId id="2147483705" r:id="rId7"/>
    <p:sldLayoutId id="2147483706" r:id="rId8"/>
    <p:sldLayoutId id="2147483707" r:id="rId9"/>
    <p:sldLayoutId id="2147483708" r:id="rId10"/>
    <p:sldLayoutId id="2147483709" r:id="rId11"/>
    <p:sldLayoutId id="2147483710" r:id="rId12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>
          <p15:clr>
            <a:srgbClr val="F26B43"/>
          </p15:clr>
        </p15:guide>
        <p15:guide id="6" orient="horz" pos="1253">
          <p15:clr>
            <a:srgbClr val="F26B43"/>
          </p15:clr>
        </p15:guide>
        <p15:guide id="7" orient="horz" pos="3589">
          <p15:clr>
            <a:srgbClr val="F26B43"/>
          </p15:clr>
        </p15:guide>
        <p15:guide id="10" pos="710">
          <p15:clr>
            <a:srgbClr val="F26B43"/>
          </p15:clr>
        </p15:guide>
        <p15:guide id="11" pos="7242">
          <p15:clr>
            <a:srgbClr val="F26B43"/>
          </p15:clr>
        </p15:guide>
        <p15:guide id="12" pos="3863">
          <p15:clr>
            <a:srgbClr val="F26B43"/>
          </p15:clr>
        </p15:guide>
        <p15:guide id="13" pos="4089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ktangel 13"/>
          <p:cNvSpPr/>
          <p:nvPr/>
        </p:nvSpPr>
        <p:spPr>
          <a:xfrm>
            <a:off x="815414" y="6174000"/>
            <a:ext cx="11376009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13" name="Rektangel 12"/>
          <p:cNvSpPr/>
          <p:nvPr/>
        </p:nvSpPr>
        <p:spPr>
          <a:xfrm>
            <a:off x="11280000" y="6174000"/>
            <a:ext cx="911424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Rektangel 7"/>
          <p:cNvSpPr/>
          <p:nvPr/>
        </p:nvSpPr>
        <p:spPr>
          <a:xfrm>
            <a:off x="0" y="0"/>
            <a:ext cx="911424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sz="1800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824000" y="908720"/>
            <a:ext cx="9456000" cy="112594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824000" y="2329200"/>
            <a:ext cx="9456000" cy="31587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279718" y="6288074"/>
            <a:ext cx="912281" cy="144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57979925" name="LogoColorDefault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0" y="6173999"/>
            <a:ext cx="912000" cy="684000"/>
          </a:xfrm>
          <a:prstGeom prst="rect">
            <a:avLst/>
          </a:prstGeom>
        </p:spPr>
      </p:pic>
      <p:pic>
        <p:nvPicPr>
          <p:cNvPr id="424141222" name="LogoH"/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609600" y="5720400"/>
            <a:ext cx="916800" cy="687600"/>
          </a:xfrm>
          <a:prstGeom prst="rect">
            <a:avLst/>
          </a:prstGeom>
        </p:spPr>
      </p:pic>
      <p:pic>
        <p:nvPicPr>
          <p:cNvPr id="18" name="Region"/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4977" y="5763982"/>
            <a:ext cx="155223" cy="594784"/>
          </a:xfrm>
          <a:prstGeom prst="rect">
            <a:avLst/>
          </a:prstGeom>
        </p:spPr>
      </p:pic>
      <p:sp>
        <p:nvSpPr>
          <p:cNvPr id="5" name="FLD_PresentationTitle"/>
          <p:cNvSpPr>
            <a:spLocks noGrp="1"/>
          </p:cNvSpPr>
          <p:nvPr>
            <p:ph type="ftr" sz="quarter" idx="3"/>
          </p:nvPr>
        </p:nvSpPr>
        <p:spPr>
          <a:xfrm>
            <a:off x="1828800" y="6290559"/>
            <a:ext cx="3307200" cy="13940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900" kern="1200" dirty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endParaRPr lang="da-DK" dirty="0"/>
          </a:p>
        </p:txBody>
      </p:sp>
      <p:sp>
        <p:nvSpPr>
          <p:cNvPr id="4" name="USR_Name"/>
          <p:cNvSpPr>
            <a:spLocks noGrp="1"/>
          </p:cNvSpPr>
          <p:nvPr>
            <p:ph type="dt" sz="half" idx="2"/>
          </p:nvPr>
        </p:nvSpPr>
        <p:spPr>
          <a:xfrm>
            <a:off x="7891200" y="6289200"/>
            <a:ext cx="3067200" cy="13940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9" name="CEN_Center" hidden="1"/>
          <p:cNvSpPr txBox="1">
            <a:spLocks/>
          </p:cNvSpPr>
          <p:nvPr userDrawn="1"/>
        </p:nvSpPr>
        <p:spPr>
          <a:xfrm>
            <a:off x="1828800" y="399192"/>
            <a:ext cx="9456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sz="1200" dirty="0"/>
          </a:p>
        </p:txBody>
      </p:sp>
      <p:sp>
        <p:nvSpPr>
          <p:cNvPr id="20" name="OFF_Virksomhed"/>
          <p:cNvSpPr txBox="1"/>
          <p:nvPr userDrawn="1"/>
        </p:nvSpPr>
        <p:spPr>
          <a:xfrm>
            <a:off x="1828799" y="207098"/>
            <a:ext cx="4298948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erlev og Gentofte Hospital</a:t>
            </a:r>
          </a:p>
        </p:txBody>
      </p:sp>
      <p:sp>
        <p:nvSpPr>
          <p:cNvPr id="15" name="USR_CenterFreeText"/>
          <p:cNvSpPr txBox="1">
            <a:spLocks/>
          </p:cNvSpPr>
          <p:nvPr userDrawn="1"/>
        </p:nvSpPr>
        <p:spPr>
          <a:xfrm>
            <a:off x="1828800" y="399192"/>
            <a:ext cx="9456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sz="1200" dirty="0"/>
          </a:p>
        </p:txBody>
      </p:sp>
      <p:pic>
        <p:nvPicPr>
          <p:cNvPr id="1557902861" name="LogoGXMaster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10704000" y="259200"/>
            <a:ext cx="1200000" cy="900000"/>
          </a:xfrm>
          <a:prstGeom prst="rect">
            <a:avLst/>
          </a:prstGeom>
        </p:spPr>
      </p:pic>
      <p:pic>
        <p:nvPicPr>
          <p:cNvPr id="19418855" name="LogoGCMaster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5673600" y="6314400"/>
            <a:ext cx="561600" cy="421200"/>
          </a:xfrm>
          <a:prstGeom prst="rect">
            <a:avLst/>
          </a:prstGeom>
        </p:spPr>
      </p:pic>
      <p:pic>
        <p:nvPicPr>
          <p:cNvPr id="1761927011" name="LogoKU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6628800" y="50400"/>
            <a:ext cx="825600" cy="619200"/>
          </a:xfrm>
          <a:prstGeom prst="rect">
            <a:avLst/>
          </a:prstGeom>
        </p:spPr>
      </p:pic>
      <p:pic>
        <p:nvPicPr>
          <p:cNvPr id="358376663" name="LogoGXMaster2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10699200" y="871200"/>
            <a:ext cx="1200000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5732214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4" r:id="rId1"/>
    <p:sldLayoutId id="2147483715" r:id="rId2"/>
    <p:sldLayoutId id="2147483716" r:id="rId3"/>
    <p:sldLayoutId id="2147483717" r:id="rId4"/>
    <p:sldLayoutId id="2147483718" r:id="rId5"/>
    <p:sldLayoutId id="2147483719" r:id="rId6"/>
    <p:sldLayoutId id="2147483720" r:id="rId7"/>
    <p:sldLayoutId id="2147483721" r:id="rId8"/>
    <p:sldLayoutId id="2147483722" r:id="rId9"/>
    <p:sldLayoutId id="2147483723" r:id="rId10"/>
    <p:sldLayoutId id="2147483724" r:id="rId11"/>
    <p:sldLayoutId id="2147483725" r:id="rId12"/>
    <p:sldLayoutId id="2147483726" r:id="rId13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7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pos="1132">
          <p15:clr>
            <a:srgbClr val="F26B43"/>
          </p15:clr>
        </p15:guide>
        <p15:guide id="4" pos="7107">
          <p15:clr>
            <a:srgbClr val="F26B43"/>
          </p15:clr>
        </p15:guide>
        <p15:guide id="5" orient="horz" pos="1284">
          <p15:clr>
            <a:srgbClr val="F26B43"/>
          </p15:clr>
        </p15:guide>
        <p15:guide id="6" orient="horz" pos="1467">
          <p15:clr>
            <a:srgbClr val="F26B43"/>
          </p15:clr>
        </p15:guide>
        <p15:guide id="7" orient="horz" pos="3455">
          <p15:clr>
            <a:srgbClr val="F26B43"/>
          </p15:clr>
        </p15:guide>
        <p15:guide id="8" pos="3929">
          <p15:clr>
            <a:srgbClr val="F26B43"/>
          </p15:clr>
        </p15:guide>
        <p15:guide id="9" pos="4104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56e6b1ae-f562-4a85-ace7-ef3d1593cae1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0734594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1" r:id="rId1"/>
    <p:sldLayoutId id="2147483732" r:id="rId2"/>
    <p:sldLayoutId id="2147483733" r:id="rId3"/>
    <p:sldLayoutId id="2147483734" r:id="rId4"/>
    <p:sldLayoutId id="2147483735" r:id="rId5"/>
    <p:sldLayoutId id="2147483736" r:id="rId6"/>
    <p:sldLayoutId id="2147483737" r:id="rId7"/>
    <p:sldLayoutId id="2147483738" r:id="rId8"/>
    <p:sldLayoutId id="2147483739" r:id="rId9"/>
    <p:sldLayoutId id="2147483740" r:id="rId10"/>
    <p:sldLayoutId id="2147483741" r:id="rId11"/>
    <p:sldLayoutId id="2147483742" r:id="rId12"/>
    <p:sldLayoutId id="2147483743" r:id="rId13"/>
    <p:sldLayoutId id="2147483744" r:id="rId14"/>
    <p:sldLayoutId id="2147483745" r:id="rId15"/>
    <p:sldLayoutId id="2147483746" r:id="rId16"/>
    <p:sldLayoutId id="2147483747" r:id="rId17"/>
    <p:sldLayoutId id="2147483748" r:id="rId18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>
          <p15:clr>
            <a:srgbClr val="F26B43"/>
          </p15:clr>
        </p15:guide>
        <p15:guide id="6" orient="horz" pos="1253">
          <p15:clr>
            <a:srgbClr val="F26B43"/>
          </p15:clr>
        </p15:guide>
        <p15:guide id="7" orient="horz" pos="3455">
          <p15:clr>
            <a:srgbClr val="F26B43"/>
          </p15:clr>
        </p15:guide>
        <p15:guide id="10" pos="861">
          <p15:clr>
            <a:srgbClr val="F26B43"/>
          </p15:clr>
        </p15:guide>
        <p15:guide id="11" pos="7247">
          <p15:clr>
            <a:srgbClr val="F26B43"/>
          </p15:clr>
        </p15:guide>
        <p15:guide id="12" pos="3963">
          <p15:clr>
            <a:srgbClr val="F26B43"/>
          </p15:clr>
        </p15:guide>
        <p15:guide id="13" pos="414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23.xml"/><Relationship Id="rId6" Type="http://schemas.openxmlformats.org/officeDocument/2006/relationships/image" Target="../media/image21.jpg"/><Relationship Id="rId5" Type="http://schemas.openxmlformats.org/officeDocument/2006/relationships/image" Target="../media/image20.jpeg"/><Relationship Id="rId4" Type="http://schemas.openxmlformats.org/officeDocument/2006/relationships/image" Target="../media/image19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37.png"/><Relationship Id="rId5" Type="http://schemas.openxmlformats.org/officeDocument/2006/relationships/image" Target="../media/image36.png"/><Relationship Id="rId4" Type="http://schemas.openxmlformats.org/officeDocument/2006/relationships/image" Target="../media/image35.pn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15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1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1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3.xml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50.png"/><Relationship Id="rId3" Type="http://schemas.openxmlformats.org/officeDocument/2006/relationships/image" Target="../media/image26.jpeg"/><Relationship Id="rId7" Type="http://schemas.openxmlformats.org/officeDocument/2006/relationships/image" Target="../media/image49.pn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48.png"/><Relationship Id="rId5" Type="http://schemas.openxmlformats.org/officeDocument/2006/relationships/image" Target="../media/image47.png"/><Relationship Id="rId4" Type="http://schemas.openxmlformats.org/officeDocument/2006/relationships/image" Target="../media/image46.jpeg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54.png"/><Relationship Id="rId4" Type="http://schemas.openxmlformats.org/officeDocument/2006/relationships/image" Target="../media/image53.pn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5.png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56.png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1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59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0.png"/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61.png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13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png"/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64.png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5.png"/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jpeg"/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27.jpeg"/><Relationship Id="rId4" Type="http://schemas.openxmlformats.org/officeDocument/2006/relationships/image" Target="../media/image26.jpeg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6.png"/><Relationship Id="rId1" Type="http://schemas.openxmlformats.org/officeDocument/2006/relationships/slideLayout" Target="../slideLayouts/slideLayout13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29.jpeg"/><Relationship Id="rId1" Type="http://schemas.openxmlformats.org/officeDocument/2006/relationships/slideLayout" Target="../slideLayouts/slideLayout14.xml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7.png"/><Relationship Id="rId1" Type="http://schemas.openxmlformats.org/officeDocument/2006/relationships/slideLayout" Target="../slideLayouts/slideLayout13.xml"/></Relationships>
</file>

<file path=ppt/slides/_rels/slide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3.xml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3.xml"/></Relationships>
</file>

<file path=ppt/slides/_rels/slide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13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15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13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3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3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jpeg"/><Relationship Id="rId7" Type="http://schemas.openxmlformats.org/officeDocument/2006/relationships/image" Target="../media/image48.png"/><Relationship Id="rId2" Type="http://schemas.openxmlformats.org/officeDocument/2006/relationships/image" Target="../media/image26.jpe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47.png"/><Relationship Id="rId5" Type="http://schemas.openxmlformats.org/officeDocument/2006/relationships/image" Target="../media/image50.png"/><Relationship Id="rId4" Type="http://schemas.openxmlformats.org/officeDocument/2006/relationships/image" Target="../media/image49.png"/></Relationships>
</file>

<file path=ppt/slides/_rels/slide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3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54.png"/><Relationship Id="rId4" Type="http://schemas.openxmlformats.org/officeDocument/2006/relationships/image" Target="../media/image53.png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5.png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56.png"/></Relationships>
</file>

<file path=ppt/slides/_rels/slide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13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59.png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0.png"/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61.png"/></Relationships>
</file>

<file path=ppt/slides/_rels/slide4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13.xml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png"/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64.png"/></Relationships>
</file>

<file path=ppt/slides/_rels/slide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5.png"/><Relationship Id="rId2" Type="http://schemas.openxmlformats.org/officeDocument/2006/relationships/image" Target="../media/image62.png"/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29.jpeg"/><Relationship Id="rId1" Type="http://schemas.openxmlformats.org/officeDocument/2006/relationships/slideLayout" Target="../slideLayouts/slideLayout14.xml"/></Relationships>
</file>

<file path=ppt/slides/_rels/slide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6.png"/><Relationship Id="rId1" Type="http://schemas.openxmlformats.org/officeDocument/2006/relationships/slideLayout" Target="../slideLayouts/slideLayout13.xml"/></Relationships>
</file>

<file path=ppt/slides/_rels/slide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7.png"/><Relationship Id="rId1" Type="http://schemas.openxmlformats.org/officeDocument/2006/relationships/slideLayout" Target="../slideLayouts/slideLayout13.xml"/></Relationships>
</file>

<file path=ppt/slides/_rels/slide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8.png"/><Relationship Id="rId1" Type="http://schemas.openxmlformats.org/officeDocument/2006/relationships/slideLayout" Target="../slideLayouts/slideLayout13.xml"/></Relationships>
</file>

<file path=ppt/slides/_rels/slide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0.png"/><Relationship Id="rId2" Type="http://schemas.openxmlformats.org/officeDocument/2006/relationships/image" Target="../media/image69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71.png"/></Relationships>
</file>

<file path=ppt/slides/_rels/slide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0.png"/><Relationship Id="rId2" Type="http://schemas.openxmlformats.org/officeDocument/2006/relationships/image" Target="../media/image69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72.png"/></Relationships>
</file>

<file path=ppt/slides/_rels/slide5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8.png"/><Relationship Id="rId1" Type="http://schemas.openxmlformats.org/officeDocument/2006/relationships/slideLayout" Target="../slideLayouts/slideLayout13.xml"/></Relationships>
</file>

<file path=ppt/slides/_rels/slide5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video" Target="../media/media1.MOV"/><Relationship Id="rId1" Type="http://schemas.microsoft.com/office/2007/relationships/media" Target="../media/media1.MOV"/><Relationship Id="rId4" Type="http://schemas.openxmlformats.org/officeDocument/2006/relationships/image" Target="../media/image73.png"/></Relationships>
</file>

<file path=ppt/slides/_rels/slide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0.png"/><Relationship Id="rId2" Type="http://schemas.openxmlformats.org/officeDocument/2006/relationships/image" Target="../media/image69.png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72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29.jpeg"/><Relationship Id="rId1" Type="http://schemas.openxmlformats.org/officeDocument/2006/relationships/slideLayout" Target="../slideLayouts/slideLayout1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1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lede 6">
            <a:extLst>
              <a:ext uri="{FF2B5EF4-FFF2-40B4-BE49-F238E27FC236}">
                <a16:creationId xmlns:a16="http://schemas.microsoft.com/office/drawing/2014/main" id="{2B5AACF1-F22A-6662-1AF4-4FF202462A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274351" y="0"/>
            <a:ext cx="888494" cy="844881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47BFA612-89A6-46AD-8544-AFD651CE2E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27951" y="4690606"/>
            <a:ext cx="10346400" cy="1028375"/>
          </a:xfrm>
        </p:spPr>
        <p:txBody>
          <a:bodyPr/>
          <a:lstStyle/>
          <a:p>
            <a:pPr>
              <a:lnSpc>
                <a:spcPct val="150000"/>
              </a:lnSpc>
            </a:pPr>
            <a:r>
              <a:rPr lang="da-DK" sz="4800" b="1" dirty="0">
                <a:effectLst/>
                <a:latin typeface="Roboto Slab" pitchFamily="2" charset="0"/>
                <a:ea typeface="Roboto Slab" pitchFamily="2" charset="0"/>
                <a:cs typeface="Roboto Slab" pitchFamily="2" charset="0"/>
              </a:rPr>
              <a:t>Delir og brug af antipsykotika</a:t>
            </a:r>
            <a:br>
              <a:rPr lang="da-DK" dirty="0">
                <a:latin typeface="Roboto Slab" pitchFamily="2" charset="0"/>
                <a:ea typeface="Roboto Slab" pitchFamily="2" charset="0"/>
                <a:cs typeface="Roboto Slab" pitchFamily="2" charset="0"/>
              </a:rPr>
            </a:br>
            <a:endParaRPr lang="da-DK" dirty="0">
              <a:latin typeface="Roboto Slab" pitchFamily="2" charset="0"/>
              <a:ea typeface="Roboto Slab" pitchFamily="2" charset="0"/>
              <a:cs typeface="Roboto Slab" pitchFamily="2" charset="0"/>
            </a:endParaRPr>
          </a:p>
        </p:txBody>
      </p:sp>
      <p:pic>
        <p:nvPicPr>
          <p:cNvPr id="3" name="Billede 2" descr="Et billede, der indeholder udendørs, græs, træ, bygning&#10;&#10;Automatisk genereret beskrivelse">
            <a:extLst>
              <a:ext uri="{FF2B5EF4-FFF2-40B4-BE49-F238E27FC236}">
                <a16:creationId xmlns:a16="http://schemas.microsoft.com/office/drawing/2014/main" id="{BF858706-F0E9-F925-3F8E-E4003D17784B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169" t="25134" r="30907" b="23145"/>
          <a:stretch/>
        </p:blipFill>
        <p:spPr>
          <a:xfrm>
            <a:off x="5957614" y="828919"/>
            <a:ext cx="6370038" cy="3546956"/>
          </a:xfrm>
          <a:prstGeom prst="rect">
            <a:avLst/>
          </a:prstGeom>
        </p:spPr>
      </p:pic>
      <p:pic>
        <p:nvPicPr>
          <p:cNvPr id="5" name="Pladsholder til billede 13" descr="Et billede, der indeholder udendørs, sky, græs, blomst&#10;&#10;Automatisk genereret beskrivelse">
            <a:extLst>
              <a:ext uri="{FF2B5EF4-FFF2-40B4-BE49-F238E27FC236}">
                <a16:creationId xmlns:a16="http://schemas.microsoft.com/office/drawing/2014/main" id="{1A5B77B4-DB34-F86E-2140-8A774F3CFF8C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7751" t="28613" r="2248" b="28613"/>
          <a:stretch/>
        </p:blipFill>
        <p:spPr>
          <a:xfrm>
            <a:off x="-33556" y="821980"/>
            <a:ext cx="6096000" cy="3546956"/>
          </a:xfrm>
        </p:spPr>
      </p:pic>
      <p:cxnSp>
        <p:nvCxnSpPr>
          <p:cNvPr id="6" name="Lige forbindelse 5">
            <a:extLst>
              <a:ext uri="{FF2B5EF4-FFF2-40B4-BE49-F238E27FC236}">
                <a16:creationId xmlns:a16="http://schemas.microsoft.com/office/drawing/2014/main" id="{7B880CE0-9CAA-DCE9-B6A4-CD1DC13BEA57}"/>
              </a:ext>
            </a:extLst>
          </p:cNvPr>
          <p:cNvCxnSpPr>
            <a:cxnSpLocks/>
          </p:cNvCxnSpPr>
          <p:nvPr/>
        </p:nvCxnSpPr>
        <p:spPr>
          <a:xfrm flipH="1">
            <a:off x="-33556" y="4378188"/>
            <a:ext cx="122591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7C34B60-3640-8586-4759-FFDA19F1F52A}"/>
              </a:ext>
            </a:extLst>
          </p:cNvPr>
          <p:cNvCxnSpPr/>
          <p:nvPr/>
        </p:nvCxnSpPr>
        <p:spPr>
          <a:xfrm>
            <a:off x="6062444" y="821980"/>
            <a:ext cx="0" cy="3546956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kstfelt 9">
            <a:extLst>
              <a:ext uri="{FF2B5EF4-FFF2-40B4-BE49-F238E27FC236}">
                <a16:creationId xmlns:a16="http://schemas.microsoft.com/office/drawing/2014/main" id="{B9AA215D-4047-1789-A90C-3B9EE84A654C}"/>
              </a:ext>
            </a:extLst>
          </p:cNvPr>
          <p:cNvSpPr txBox="1"/>
          <p:nvPr/>
        </p:nvSpPr>
        <p:spPr>
          <a:xfrm>
            <a:off x="1133236" y="429616"/>
            <a:ext cx="1070702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200" dirty="0">
                <a:solidFill>
                  <a:schemeClr val="accent3"/>
                </a:solidFill>
                <a:latin typeface="Roboto Slab" pitchFamily="2" charset="0"/>
                <a:ea typeface="Roboto Slab" pitchFamily="2" charset="0"/>
                <a:cs typeface="Roboto Slab" pitchFamily="2" charset="0"/>
              </a:rPr>
              <a:t>Afdelingen for Ældresygdomm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4130477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A60B04EB-2A4E-477F-B0CD-1A2F009A6A9A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158036ED-40D9-4B13-B6C3-4F28A4E59EE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334013" y="0"/>
            <a:ext cx="4851185" cy="685800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548B9302-32CF-4DA8-B532-E16506345B9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7408" y="628811"/>
            <a:ext cx="9144000" cy="980429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BEB40BAB-F45F-4CFA-A54D-6BEABF0119D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7408" y="1875672"/>
            <a:ext cx="9144000" cy="901051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1ADAF9C0-3E1F-47FA-9AA7-1741A6269B5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39416" y="4607048"/>
            <a:ext cx="9144000" cy="1185211"/>
          </a:xfrm>
          <a:prstGeom prst="rect">
            <a:avLst/>
          </a:prstGeom>
        </p:spPr>
      </p:pic>
      <p:sp>
        <p:nvSpPr>
          <p:cNvPr id="16" name="Ellipse 15">
            <a:extLst>
              <a:ext uri="{FF2B5EF4-FFF2-40B4-BE49-F238E27FC236}">
                <a16:creationId xmlns:a16="http://schemas.microsoft.com/office/drawing/2014/main" id="{3385AF9E-B0E8-4B4E-8306-1EBA909A7C55}"/>
              </a:ext>
            </a:extLst>
          </p:cNvPr>
          <p:cNvSpPr/>
          <p:nvPr/>
        </p:nvSpPr>
        <p:spPr>
          <a:xfrm>
            <a:off x="2063552" y="1667743"/>
            <a:ext cx="4824536" cy="951257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7" name="Ellipse 16">
            <a:extLst>
              <a:ext uri="{FF2B5EF4-FFF2-40B4-BE49-F238E27FC236}">
                <a16:creationId xmlns:a16="http://schemas.microsoft.com/office/drawing/2014/main" id="{417AB0D0-7839-442D-AC59-FC7FD762005A}"/>
              </a:ext>
            </a:extLst>
          </p:cNvPr>
          <p:cNvSpPr/>
          <p:nvPr/>
        </p:nvSpPr>
        <p:spPr>
          <a:xfrm>
            <a:off x="3217564" y="632597"/>
            <a:ext cx="3362623" cy="951257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2" name="Ellipse 11">
            <a:extLst>
              <a:ext uri="{FF2B5EF4-FFF2-40B4-BE49-F238E27FC236}">
                <a16:creationId xmlns:a16="http://schemas.microsoft.com/office/drawing/2014/main" id="{EE3E7506-55CF-4C98-ACF1-AB1052332801}"/>
              </a:ext>
            </a:extLst>
          </p:cNvPr>
          <p:cNvSpPr/>
          <p:nvPr/>
        </p:nvSpPr>
        <p:spPr>
          <a:xfrm>
            <a:off x="1559496" y="4728050"/>
            <a:ext cx="720081" cy="422801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8E77EE63-C57B-4DA9-ADF3-2EA6359D199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67408" y="2997808"/>
            <a:ext cx="9456051" cy="12355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08718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 animBg="1"/>
      <p:bldP spid="17" grpId="0" animBg="1"/>
      <p:bldP spid="12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4400" dirty="0"/>
              <a:t>Forebyggelse</a:t>
            </a:r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dirty="0"/>
              <a:t>Kognitiv stimulation – dvs. samtale om almindelige dagligdags emner</a:t>
            </a:r>
          </a:p>
          <a:p>
            <a:pPr marL="0" indent="0">
              <a:buNone/>
            </a:pPr>
            <a:r>
              <a:rPr lang="da-DK" sz="2400" dirty="0"/>
              <a:t>Understøttelse af normal døgnrytme</a:t>
            </a:r>
          </a:p>
          <a:p>
            <a:pPr marL="0" indent="0">
              <a:buNone/>
            </a:pPr>
            <a:r>
              <a:rPr lang="da-DK" sz="2400" dirty="0"/>
              <a:t>Sikring af tilstrækkeligt føde- og væskeindtag</a:t>
            </a:r>
          </a:p>
          <a:p>
            <a:pPr marL="0" indent="0">
              <a:buNone/>
            </a:pPr>
            <a:r>
              <a:rPr lang="da-DK" sz="2400" dirty="0"/>
              <a:t>Daglig mobilisering</a:t>
            </a:r>
          </a:p>
          <a:p>
            <a:pPr marL="0" indent="0">
              <a:buNone/>
            </a:pPr>
            <a:r>
              <a:rPr lang="da-DK" sz="2400" dirty="0"/>
              <a:t>Korrektion af sansedeficit</a:t>
            </a:r>
          </a:p>
          <a:p>
            <a:pPr marL="0" indent="0">
              <a:buNone/>
            </a:pPr>
            <a:r>
              <a:rPr lang="da-DK" sz="2400"/>
              <a:t>Inddrag pårørende</a:t>
            </a:r>
          </a:p>
          <a:p>
            <a:pPr marL="0" indent="0">
              <a:buNone/>
            </a:pPr>
            <a:r>
              <a:rPr lang="da-DK" sz="2400"/>
              <a:t>Tidlig opsporing</a:t>
            </a:r>
            <a:endParaRPr lang="da-DK" sz="2400" dirty="0"/>
          </a:p>
        </p:txBody>
      </p:sp>
      <p:sp>
        <p:nvSpPr>
          <p:cNvPr id="11" name="Pladsholder til billede 10">
            <a:extLst>
              <a:ext uri="{FF2B5EF4-FFF2-40B4-BE49-F238E27FC236}">
                <a16:creationId xmlns:a16="http://schemas.microsoft.com/office/drawing/2014/main" id="{4548E3A6-AA0F-4C60-A2F6-0C37845103E4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480344" y="116632"/>
            <a:ext cx="4723729" cy="6857447"/>
          </a:xfrm>
        </p:spPr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B6DEF2F9-EA5A-4306-B1FE-6CD6FD3537A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334013" y="0"/>
            <a:ext cx="4851185" cy="6858000"/>
          </a:xfrm>
          <a:prstGeom prst="rect">
            <a:avLst/>
          </a:prstGeom>
        </p:spPr>
      </p:pic>
      <p:sp>
        <p:nvSpPr>
          <p:cNvPr id="13" name="Tekstfelt 12">
            <a:extLst>
              <a:ext uri="{FF2B5EF4-FFF2-40B4-BE49-F238E27FC236}">
                <a16:creationId xmlns:a16="http://schemas.microsoft.com/office/drawing/2014/main" id="{962E85E0-CFA4-4938-986C-D6A1E91D2744}"/>
              </a:ext>
            </a:extLst>
          </p:cNvPr>
          <p:cNvSpPr txBox="1"/>
          <p:nvPr/>
        </p:nvSpPr>
        <p:spPr>
          <a:xfrm>
            <a:off x="3716072" y="1811615"/>
            <a:ext cx="5735032" cy="3672408"/>
          </a:xfrm>
          <a:prstGeom prst="rect">
            <a:avLst/>
          </a:prstGeom>
          <a:solidFill>
            <a:schemeClr val="bg1"/>
          </a:solidFill>
          <a:ln w="57150">
            <a:solidFill>
              <a:schemeClr val="tx1"/>
            </a:solidFill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da-DK" sz="4000" b="1" dirty="0"/>
              <a:t>MAD </a:t>
            </a:r>
          </a:p>
          <a:p>
            <a:pPr algn="ctr"/>
            <a:endParaRPr lang="da-DK" sz="4000" b="1" dirty="0"/>
          </a:p>
          <a:p>
            <a:pPr algn="ctr"/>
            <a:r>
              <a:rPr lang="da-DK" sz="4000" b="1" dirty="0"/>
              <a:t>Motion</a:t>
            </a:r>
          </a:p>
          <a:p>
            <a:pPr algn="ctr"/>
            <a:endParaRPr lang="da-DK" sz="4000" b="1" dirty="0"/>
          </a:p>
          <a:p>
            <a:pPr algn="ctr"/>
            <a:r>
              <a:rPr lang="da-DK" sz="4000" b="1" dirty="0"/>
              <a:t>Søvn</a:t>
            </a: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731165D4-67BA-A7F6-07D2-995EC74FF26C}"/>
              </a:ext>
            </a:extLst>
          </p:cNvPr>
          <p:cNvSpPr/>
          <p:nvPr/>
        </p:nvSpPr>
        <p:spPr>
          <a:xfrm>
            <a:off x="1266738" y="117446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565433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343472" y="2333629"/>
            <a:ext cx="6340151" cy="3831675"/>
          </a:xfrm>
        </p:spPr>
        <p:txBody>
          <a:bodyPr/>
          <a:lstStyle/>
          <a:p>
            <a:pPr marL="0" indent="0">
              <a:buNone/>
            </a:pPr>
            <a:r>
              <a:rPr lang="da-DK" altLang="da-DK" sz="2800" b="1" dirty="0"/>
              <a:t>Nonfarmakologisk </a:t>
            </a:r>
            <a:r>
              <a:rPr lang="da-DK" altLang="da-DK" sz="2800" b="1" dirty="0" err="1"/>
              <a:t>multikomponent</a:t>
            </a:r>
            <a:endParaRPr lang="da-DK" altLang="da-DK" sz="2800" b="1" dirty="0"/>
          </a:p>
        </p:txBody>
      </p:sp>
      <p:pic>
        <p:nvPicPr>
          <p:cNvPr id="9" name="Pladsholder til billede 8">
            <a:extLst>
              <a:ext uri="{FF2B5EF4-FFF2-40B4-BE49-F238E27FC236}">
                <a16:creationId xmlns:a16="http://schemas.microsoft.com/office/drawing/2014/main" id="{854AAF3A-8B79-4A19-A5E6-CF1B6907234C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2"/>
          <a:srcRect l="34372" r="34372"/>
          <a:stretch>
            <a:fillRect/>
          </a:stretch>
        </p:blipFill>
        <p:spPr>
          <a:xfrm>
            <a:off x="7467599" y="0"/>
            <a:ext cx="4724400" cy="6858000"/>
          </a:xfrm>
          <a:prstGeom prst="rect">
            <a:avLst/>
          </a:prstGeom>
        </p:spPr>
      </p:pic>
      <p:sp>
        <p:nvSpPr>
          <p:cNvPr id="10" name="Titel 4">
            <a:extLst>
              <a:ext uri="{FF2B5EF4-FFF2-40B4-BE49-F238E27FC236}">
                <a16:creationId xmlns:a16="http://schemas.microsoft.com/office/drawing/2014/main" id="{47D2F3B1-E01A-4556-8E43-211FF6B5D5F0}"/>
              </a:ext>
            </a:extLst>
          </p:cNvPr>
          <p:cNvSpPr txBox="1">
            <a:spLocks/>
          </p:cNvSpPr>
          <p:nvPr/>
        </p:nvSpPr>
        <p:spPr>
          <a:xfrm>
            <a:off x="1271464" y="620688"/>
            <a:ext cx="5209234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4400"/>
              <a:t>Håndtering</a:t>
            </a:r>
            <a:endParaRPr lang="da-DK" sz="4400" dirty="0"/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F4892522-5DC4-E554-504B-F8E083DB0A8F}"/>
              </a:ext>
            </a:extLst>
          </p:cNvPr>
          <p:cNvSpPr/>
          <p:nvPr/>
        </p:nvSpPr>
        <p:spPr>
          <a:xfrm>
            <a:off x="1250462" y="78154"/>
            <a:ext cx="2625969" cy="403387"/>
          </a:xfrm>
          <a:prstGeom prst="rect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408215643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1464" y="620688"/>
            <a:ext cx="5209234" cy="826910"/>
          </a:xfrm>
        </p:spPr>
        <p:txBody>
          <a:bodyPr/>
          <a:lstStyle/>
          <a:p>
            <a:r>
              <a:rPr lang="da-DK" sz="4400" dirty="0"/>
              <a:t>Håndtering</a:t>
            </a:r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271464" y="1700808"/>
            <a:ext cx="6340151" cy="3831675"/>
          </a:xfrm>
        </p:spPr>
        <p:txBody>
          <a:bodyPr/>
          <a:lstStyle/>
          <a:p>
            <a:pPr marL="0" indent="0">
              <a:buNone/>
            </a:pPr>
            <a:r>
              <a:rPr lang="da-DK" altLang="da-DK" sz="2400" dirty="0"/>
              <a:t>Rolige omgivelser (ej gangplads), begræns forstyrrelser</a:t>
            </a:r>
          </a:p>
          <a:p>
            <a:pPr marL="0" indent="0">
              <a:buNone/>
            </a:pPr>
            <a:r>
              <a:rPr lang="da-DK" altLang="da-DK" sz="2400" dirty="0"/>
              <a:t>Sikre søvn</a:t>
            </a:r>
          </a:p>
          <a:p>
            <a:pPr marL="0" indent="0">
              <a:buNone/>
            </a:pPr>
            <a:r>
              <a:rPr lang="da-DK" altLang="da-DK" sz="2400" dirty="0"/>
              <a:t>Optimering af syn og hørelse</a:t>
            </a:r>
          </a:p>
          <a:p>
            <a:pPr marL="0" indent="0">
              <a:buNone/>
            </a:pPr>
            <a:r>
              <a:rPr lang="da-DK" altLang="da-DK" sz="2400" dirty="0"/>
              <a:t>Nærvær (samme personale)</a:t>
            </a:r>
          </a:p>
          <a:p>
            <a:pPr marL="0" indent="0">
              <a:buNone/>
            </a:pPr>
            <a:r>
              <a:rPr lang="da-DK" altLang="da-DK" sz="2400" dirty="0"/>
              <a:t>Smertelindring</a:t>
            </a:r>
          </a:p>
          <a:p>
            <a:pPr marL="0" indent="0">
              <a:buNone/>
            </a:pPr>
            <a:r>
              <a:rPr lang="da-DK" altLang="da-DK" sz="2400" dirty="0"/>
              <a:t>Sikring af mad og drikke </a:t>
            </a:r>
          </a:p>
          <a:p>
            <a:pPr marL="0" indent="0">
              <a:buNone/>
            </a:pPr>
            <a:r>
              <a:rPr lang="da-DK" altLang="da-DK" sz="2400" dirty="0"/>
              <a:t>Sikre udskillelser (afføring + vandladning)</a:t>
            </a:r>
          </a:p>
          <a:p>
            <a:pPr marL="0" indent="0">
              <a:buNone/>
            </a:pPr>
            <a:r>
              <a:rPr lang="da-DK" altLang="da-DK" sz="2400" dirty="0"/>
              <a:t>Medicin med omtanke, undgå polyfarmaci</a:t>
            </a:r>
          </a:p>
          <a:p>
            <a:pPr marL="0" indent="0">
              <a:buNone/>
            </a:pPr>
            <a:r>
              <a:rPr lang="da-DK" altLang="da-DK" sz="2400" dirty="0"/>
              <a:t>Pårørende inddrages / fast vagt</a:t>
            </a:r>
          </a:p>
        </p:txBody>
      </p:sp>
      <p:pic>
        <p:nvPicPr>
          <p:cNvPr id="9" name="Pladsholder til billede 8">
            <a:extLst>
              <a:ext uri="{FF2B5EF4-FFF2-40B4-BE49-F238E27FC236}">
                <a16:creationId xmlns:a16="http://schemas.microsoft.com/office/drawing/2014/main" id="{854AAF3A-8B79-4A19-A5E6-CF1B6907234C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2"/>
          <a:srcRect l="34372" r="34372"/>
          <a:stretch>
            <a:fillRect/>
          </a:stretch>
        </p:blipFill>
        <p:spPr>
          <a:xfrm>
            <a:off x="7467599" y="0"/>
            <a:ext cx="4724400" cy="6858000"/>
          </a:xfrm>
          <a:prstGeom prst="rect">
            <a:avLst/>
          </a:prstGeom>
        </p:spPr>
      </p:pic>
      <p:sp>
        <p:nvSpPr>
          <p:cNvPr id="6" name="Rektangel 5">
            <a:extLst>
              <a:ext uri="{FF2B5EF4-FFF2-40B4-BE49-F238E27FC236}">
                <a16:creationId xmlns:a16="http://schemas.microsoft.com/office/drawing/2014/main" id="{76014F92-B0DA-A359-E4DD-655D5DAAD972}"/>
              </a:ext>
            </a:extLst>
          </p:cNvPr>
          <p:cNvSpPr/>
          <p:nvPr/>
        </p:nvSpPr>
        <p:spPr>
          <a:xfrm>
            <a:off x="1250462" y="78154"/>
            <a:ext cx="2625969" cy="403387"/>
          </a:xfrm>
          <a:prstGeom prst="rect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228321057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FE0C4A-C590-43A9-91D4-33BCFE8CAE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6836" y="2348880"/>
            <a:ext cx="9531033" cy="2641781"/>
          </a:xfrm>
        </p:spPr>
        <p:txBody>
          <a:bodyPr/>
          <a:lstStyle/>
          <a:p>
            <a:r>
              <a:rPr lang="da-DK" sz="3200" b="0" dirty="0"/>
              <a:t>Delir blomsten</a:t>
            </a:r>
            <a:br>
              <a:rPr lang="da-DK" sz="3200" b="0" dirty="0"/>
            </a:br>
            <a:br>
              <a:rPr lang="da-DK" sz="3200" b="0" dirty="0"/>
            </a:br>
            <a:r>
              <a:rPr lang="da-DK" sz="3200" b="0" dirty="0"/>
              <a:t>Tal om vejret</a:t>
            </a:r>
            <a:br>
              <a:rPr lang="da-DK" sz="3200" b="0" dirty="0"/>
            </a:br>
            <a:br>
              <a:rPr lang="da-DK" sz="3200" b="0" dirty="0"/>
            </a:br>
            <a:r>
              <a:rPr lang="da-DK" sz="3200" b="0" dirty="0"/>
              <a:t>Korte sætninger</a:t>
            </a:r>
            <a:br>
              <a:rPr lang="da-DK" sz="3200" b="0" dirty="0"/>
            </a:br>
            <a:br>
              <a:rPr lang="da-DK" sz="3200" b="0" dirty="0"/>
            </a:br>
            <a:r>
              <a:rPr lang="da-DK" sz="3200" b="0" dirty="0"/>
              <a:t>Tydelig tale</a:t>
            </a:r>
            <a:br>
              <a:rPr lang="da-DK" sz="3200" b="0" dirty="0"/>
            </a:br>
            <a:br>
              <a:rPr lang="da-DK" sz="3200" b="0" dirty="0"/>
            </a:br>
            <a:r>
              <a:rPr lang="da-DK" sz="3200" b="0" dirty="0"/>
              <a:t>Gentag centrale budskab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63B2F8C-C425-4BB9-9DE8-787AE8F94A1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5D0CB343-989A-422C-8EF9-A9463EE4451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90DCAAC-D960-4676-8FAE-BA2A096464F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7" name="Titel 4">
            <a:extLst>
              <a:ext uri="{FF2B5EF4-FFF2-40B4-BE49-F238E27FC236}">
                <a16:creationId xmlns:a16="http://schemas.microsoft.com/office/drawing/2014/main" id="{44BAAE4E-A0A6-4AB4-831E-BBF8F8D0A503}"/>
              </a:ext>
            </a:extLst>
          </p:cNvPr>
          <p:cNvSpPr txBox="1">
            <a:spLocks/>
          </p:cNvSpPr>
          <p:nvPr/>
        </p:nvSpPr>
        <p:spPr>
          <a:xfrm>
            <a:off x="1181217" y="769266"/>
            <a:ext cx="5922895" cy="82691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38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4400" dirty="0">
                <a:solidFill>
                  <a:schemeClr val="tx1"/>
                </a:solidFill>
              </a:rPr>
              <a:t>Kognitiv </a:t>
            </a:r>
            <a:r>
              <a:rPr lang="da-DK" sz="4400" dirty="0" err="1">
                <a:solidFill>
                  <a:schemeClr val="tx1"/>
                </a:solidFill>
              </a:rPr>
              <a:t>reorientering</a:t>
            </a:r>
            <a:endParaRPr lang="da-DK" sz="4400" dirty="0">
              <a:solidFill>
                <a:schemeClr val="tx1"/>
              </a:solidFill>
            </a:endParaRP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3E168CA5-DE42-4D91-9C28-5F0B87EB686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04112" y="0"/>
            <a:ext cx="4867221" cy="6858000"/>
          </a:xfrm>
          <a:prstGeom prst="rect">
            <a:avLst/>
          </a:prstGeom>
        </p:spPr>
      </p:pic>
      <p:sp>
        <p:nvSpPr>
          <p:cNvPr id="3" name="Rektangel 2">
            <a:extLst>
              <a:ext uri="{FF2B5EF4-FFF2-40B4-BE49-F238E27FC236}">
                <a16:creationId xmlns:a16="http://schemas.microsoft.com/office/drawing/2014/main" id="{C7300286-7182-941B-D94B-8C28E3C4A192}"/>
              </a:ext>
            </a:extLst>
          </p:cNvPr>
          <p:cNvSpPr/>
          <p:nvPr/>
        </p:nvSpPr>
        <p:spPr>
          <a:xfrm>
            <a:off x="1250462" y="78154"/>
            <a:ext cx="2625969" cy="403387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9480389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343472" y="2333629"/>
            <a:ext cx="6340151" cy="3831675"/>
          </a:xfrm>
        </p:spPr>
        <p:txBody>
          <a:bodyPr/>
          <a:lstStyle/>
          <a:p>
            <a:r>
              <a:rPr lang="da-DK" sz="2800" dirty="0"/>
              <a:t>Et symptom på underliggende sygdom/medicin</a:t>
            </a:r>
          </a:p>
          <a:p>
            <a:r>
              <a:rPr lang="da-DK" sz="2800" dirty="0"/>
              <a:t>Find årsagen (årsagerne) </a:t>
            </a:r>
          </a:p>
          <a:p>
            <a:r>
              <a:rPr lang="da-DK" sz="2800" dirty="0"/>
              <a:t>Behandle årsagen (årsagerne)</a:t>
            </a:r>
          </a:p>
          <a:p>
            <a:r>
              <a:rPr lang="da-DK" sz="2800" dirty="0"/>
              <a:t>Medicingennemgang</a:t>
            </a:r>
          </a:p>
          <a:p>
            <a:r>
              <a:rPr lang="da-DK" sz="2800" dirty="0"/>
              <a:t>Diagnose</a:t>
            </a:r>
          </a:p>
          <a:p>
            <a:r>
              <a:rPr lang="da-DK" sz="2800" dirty="0"/>
              <a:t>Opfølgning?</a:t>
            </a:r>
          </a:p>
        </p:txBody>
      </p:sp>
      <p:sp>
        <p:nvSpPr>
          <p:cNvPr id="10" name="Titel 4">
            <a:extLst>
              <a:ext uri="{FF2B5EF4-FFF2-40B4-BE49-F238E27FC236}">
                <a16:creationId xmlns:a16="http://schemas.microsoft.com/office/drawing/2014/main" id="{47D2F3B1-E01A-4556-8E43-211FF6B5D5F0}"/>
              </a:ext>
            </a:extLst>
          </p:cNvPr>
          <p:cNvSpPr txBox="1">
            <a:spLocks/>
          </p:cNvSpPr>
          <p:nvPr/>
        </p:nvSpPr>
        <p:spPr>
          <a:xfrm>
            <a:off x="1271464" y="620688"/>
            <a:ext cx="5616624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4400" dirty="0"/>
              <a:t>Håndtering - LÆGEN</a:t>
            </a:r>
          </a:p>
        </p:txBody>
      </p:sp>
      <p:pic>
        <p:nvPicPr>
          <p:cNvPr id="12" name="Pladsholder til billede 11">
            <a:extLst>
              <a:ext uri="{FF2B5EF4-FFF2-40B4-BE49-F238E27FC236}">
                <a16:creationId xmlns:a16="http://schemas.microsoft.com/office/drawing/2014/main" id="{7D8C3598-634A-4845-B5E7-ECFB18805100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2"/>
          <a:srcRect t="1078" b="1078"/>
          <a:stretch/>
        </p:blipFill>
        <p:spPr/>
      </p:pic>
      <p:sp>
        <p:nvSpPr>
          <p:cNvPr id="5" name="Rektangel 4">
            <a:extLst>
              <a:ext uri="{FF2B5EF4-FFF2-40B4-BE49-F238E27FC236}">
                <a16:creationId xmlns:a16="http://schemas.microsoft.com/office/drawing/2014/main" id="{B67DAC1E-D403-09FD-8791-2AD0ACFE946A}"/>
              </a:ext>
            </a:extLst>
          </p:cNvPr>
          <p:cNvSpPr/>
          <p:nvPr/>
        </p:nvSpPr>
        <p:spPr>
          <a:xfrm>
            <a:off x="1250462" y="78154"/>
            <a:ext cx="2625969" cy="403387"/>
          </a:xfrm>
          <a:prstGeom prst="rect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0233555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1464" y="3933056"/>
            <a:ext cx="5400600" cy="826910"/>
          </a:xfrm>
        </p:spPr>
        <p:txBody>
          <a:bodyPr/>
          <a:lstStyle/>
          <a:p>
            <a:r>
              <a:rPr lang="da-DK" sz="6000" dirty="0"/>
              <a:t>Farmakologisk behandling</a:t>
            </a:r>
          </a:p>
        </p:txBody>
      </p:sp>
      <p:pic>
        <p:nvPicPr>
          <p:cNvPr id="9" name="Pladsholder til billede 8">
            <a:extLst>
              <a:ext uri="{FF2B5EF4-FFF2-40B4-BE49-F238E27FC236}">
                <a16:creationId xmlns:a16="http://schemas.microsoft.com/office/drawing/2014/main" id="{854AAF3A-8B79-4A19-A5E6-CF1B6907234C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2"/>
          <a:srcRect l="34372" r="34372"/>
          <a:stretch>
            <a:fillRect/>
          </a:stretch>
        </p:blipFill>
        <p:spPr>
          <a:xfrm>
            <a:off x="7467599" y="0"/>
            <a:ext cx="4724400" cy="6858000"/>
          </a:xfrm>
          <a:prstGeom prst="rect">
            <a:avLst/>
          </a:prstGeom>
        </p:spPr>
      </p:pic>
      <p:sp>
        <p:nvSpPr>
          <p:cNvPr id="6" name="Gangetegn 5">
            <a:extLst>
              <a:ext uri="{FF2B5EF4-FFF2-40B4-BE49-F238E27FC236}">
                <a16:creationId xmlns:a16="http://schemas.microsoft.com/office/drawing/2014/main" id="{377177C4-B409-48A4-8E85-19550E3965D9}"/>
              </a:ext>
            </a:extLst>
          </p:cNvPr>
          <p:cNvSpPr/>
          <p:nvPr/>
        </p:nvSpPr>
        <p:spPr>
          <a:xfrm>
            <a:off x="1566891" y="2060420"/>
            <a:ext cx="4151783" cy="3865125"/>
          </a:xfrm>
          <a:prstGeom prst="mathMultiply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91348826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7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A60B04EB-2A4E-477F-B0CD-1A2F009A6A9A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158036ED-40D9-4B13-B6C3-4F28A4E59EE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334013" y="0"/>
            <a:ext cx="4851185" cy="685800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956D2FCF-5367-4F6D-BFF8-80E76265FAF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2500" y="1328737"/>
            <a:ext cx="10287000" cy="42005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269280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C34B24-98AF-4FF9-A094-B4B3880E38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D28A6AF-A249-4D11-A180-0207E418E6C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4D024BF-7F88-4B5A-B297-54495F58FB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BEAA51CF-824F-419D-AF2B-B98F4D58B33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0500" y="305622"/>
            <a:ext cx="9144000" cy="2646305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5710A360-CCE7-4D28-809F-F752F5421E8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0500" y="2630204"/>
            <a:ext cx="8693493" cy="35716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201607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B4E8DC01-DB29-4731-B44F-39656C323C5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FA410B6B-8C11-475E-9E21-99648FA1AAF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B1871BC-763E-4AB8-8E06-0F71DD491E6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9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09971CEE-A931-40BF-93CA-1205B39836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5034" y="984070"/>
            <a:ext cx="5209234" cy="826910"/>
          </a:xfrm>
        </p:spPr>
        <p:txBody>
          <a:bodyPr/>
          <a:lstStyle/>
          <a:p>
            <a:r>
              <a:rPr lang="da-DK" sz="4400" dirty="0"/>
              <a:t>Farmakologisk behandling</a:t>
            </a:r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C2820B24-162B-44A1-9567-353B5F8BFDD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375C613E-7516-41F5-9949-BA17AB39B7E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349154" y="1628800"/>
            <a:ext cx="6110876" cy="3831675"/>
          </a:xfrm>
        </p:spPr>
        <p:txBody>
          <a:bodyPr/>
          <a:lstStyle/>
          <a:p>
            <a:endParaRPr lang="da-DK" sz="2800" dirty="0"/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501037C2-8E1D-4267-D717-F66584990F28}"/>
              </a:ext>
            </a:extLst>
          </p:cNvPr>
          <p:cNvSpPr/>
          <p:nvPr/>
        </p:nvSpPr>
        <p:spPr>
          <a:xfrm>
            <a:off x="1266738" y="117446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6FD5A0A5-64A5-8FCC-647E-69C36C5D89F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1704" y="231828"/>
            <a:ext cx="11182350" cy="4705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5202817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DAB5548-7253-48D6-B95B-F3D312A72220}" type="slidenum">
              <a:rPr kumimoji="0" lang="en-GB" sz="900" b="1" i="0" u="none" strike="noStrike" kern="1200" cap="none" spc="0" normalizeH="0" baseline="0" noProof="0" smtClean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9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96200" y="1412776"/>
            <a:ext cx="5209234" cy="826910"/>
          </a:xfrm>
        </p:spPr>
        <p:txBody>
          <a:bodyPr/>
          <a:lstStyle/>
          <a:p>
            <a:r>
              <a:rPr lang="da-DK" sz="5400" dirty="0">
                <a:solidFill>
                  <a:schemeClr val="tx1"/>
                </a:solidFill>
              </a:rPr>
              <a:t>VIGTIGE </a:t>
            </a:r>
            <a:br>
              <a:rPr lang="da-DK" sz="5400" dirty="0">
                <a:solidFill>
                  <a:schemeClr val="tx1"/>
                </a:solidFill>
              </a:rPr>
            </a:br>
            <a:r>
              <a:rPr lang="da-DK" sz="5400" dirty="0">
                <a:solidFill>
                  <a:schemeClr val="tx1"/>
                </a:solidFill>
              </a:rPr>
              <a:t>POINTER</a:t>
            </a:r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127448" y="1412776"/>
            <a:ext cx="6120680" cy="3831675"/>
          </a:xfrm>
        </p:spPr>
        <p:txBody>
          <a:bodyPr/>
          <a:lstStyle/>
          <a:p>
            <a:pPr eaLnBrk="1" hangingPunct="1"/>
            <a:r>
              <a:rPr lang="da-DK" altLang="da-DK" sz="2800" b="1" dirty="0"/>
              <a:t>Delir er meget hyppigt hos ældre </a:t>
            </a:r>
          </a:p>
          <a:p>
            <a:pPr eaLnBrk="1" hangingPunct="1"/>
            <a:r>
              <a:rPr lang="da-DK" altLang="da-DK" sz="2800" b="1" dirty="0"/>
              <a:t>Kan forebygges</a:t>
            </a:r>
          </a:p>
          <a:p>
            <a:pPr eaLnBrk="1" hangingPunct="1"/>
            <a:r>
              <a:rPr lang="da-DK" altLang="da-DK" sz="2800" b="1" dirty="0"/>
              <a:t>Udløst af noget andet</a:t>
            </a:r>
          </a:p>
          <a:p>
            <a:pPr eaLnBrk="1" hangingPunct="1"/>
            <a:r>
              <a:rPr lang="da-DK" altLang="da-DK" sz="2800" b="1" dirty="0"/>
              <a:t>Er farligt, men reversibel</a:t>
            </a:r>
          </a:p>
          <a:p>
            <a:pPr eaLnBrk="1" hangingPunct="1"/>
            <a:r>
              <a:rPr lang="da-DK" altLang="da-DK" sz="2800" b="1" dirty="0"/>
              <a:t>Kan være stille </a:t>
            </a:r>
            <a:r>
              <a:rPr lang="mr-IN" altLang="da-DK" sz="2800" b="1" dirty="0">
                <a:ea typeface="Mangal"/>
                <a:cs typeface="Mangal"/>
              </a:rPr>
              <a:t>–</a:t>
            </a:r>
            <a:r>
              <a:rPr lang="da-DK" altLang="da-DK" sz="2800" b="1" dirty="0"/>
              <a:t> næsten usynligt</a:t>
            </a:r>
          </a:p>
          <a:p>
            <a:r>
              <a:rPr lang="da-DK" altLang="da-DK" sz="2800" b="1" dirty="0"/>
              <a:t>Skal håndteres tværfagligt og </a:t>
            </a:r>
            <a:br>
              <a:rPr lang="da-DK" altLang="da-DK" sz="2800" b="1" dirty="0"/>
            </a:br>
            <a:r>
              <a:rPr lang="da-DK" altLang="da-DK" sz="2800" b="1" dirty="0"/>
              <a:t>nonfarmakologisk</a:t>
            </a:r>
          </a:p>
          <a:p>
            <a:r>
              <a:rPr lang="da-DK" altLang="da-DK" sz="2800" b="1" dirty="0"/>
              <a:t>Debriefing og opfølgning</a:t>
            </a:r>
          </a:p>
          <a:p>
            <a:pPr eaLnBrk="1" hangingPunct="1"/>
            <a:endParaRPr lang="da-DK" altLang="da-DK" sz="2800" b="1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D4F5B2C6-CF64-4AC9-8EF1-BD931DA25E8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11331" y="5264345"/>
            <a:ext cx="4544511" cy="845120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CEFC57A9-B1B9-42D0-8266-36603845E94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536160" y="3925965"/>
            <a:ext cx="4098033" cy="1249076"/>
          </a:xfrm>
          <a:prstGeom prst="rect">
            <a:avLst/>
          </a:prstGeom>
        </p:spPr>
      </p:pic>
      <p:sp>
        <p:nvSpPr>
          <p:cNvPr id="6" name="Ellipse 5">
            <a:extLst>
              <a:ext uri="{FF2B5EF4-FFF2-40B4-BE49-F238E27FC236}">
                <a16:creationId xmlns:a16="http://schemas.microsoft.com/office/drawing/2014/main" id="{020A755C-9F8F-ADD4-8B7D-79FA10D8FAE7}"/>
              </a:ext>
            </a:extLst>
          </p:cNvPr>
          <p:cNvSpPr/>
          <p:nvPr/>
        </p:nvSpPr>
        <p:spPr>
          <a:xfrm>
            <a:off x="1266738" y="117446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  <p:sp>
        <p:nvSpPr>
          <p:cNvPr id="10" name="Ellipse 9">
            <a:extLst>
              <a:ext uri="{FF2B5EF4-FFF2-40B4-BE49-F238E27FC236}">
                <a16:creationId xmlns:a16="http://schemas.microsoft.com/office/drawing/2014/main" id="{237330EC-A65C-4B62-64A9-6D76A3A364A5}"/>
              </a:ext>
            </a:extLst>
          </p:cNvPr>
          <p:cNvSpPr/>
          <p:nvPr/>
        </p:nvSpPr>
        <p:spPr>
          <a:xfrm>
            <a:off x="1266738" y="697685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3169745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0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12574" y="2924944"/>
            <a:ext cx="5209234" cy="826910"/>
          </a:xfrm>
        </p:spPr>
        <p:txBody>
          <a:bodyPr/>
          <a:lstStyle/>
          <a:p>
            <a:r>
              <a:rPr lang="da-DK" sz="4400" dirty="0"/>
              <a:t>Hvilken medicin skal du vælge?</a:t>
            </a:r>
          </a:p>
        </p:txBody>
      </p:sp>
      <p:pic>
        <p:nvPicPr>
          <p:cNvPr id="17" name="Pladsholder til indhold 16">
            <a:extLst>
              <a:ext uri="{FF2B5EF4-FFF2-40B4-BE49-F238E27FC236}">
                <a16:creationId xmlns:a16="http://schemas.microsoft.com/office/drawing/2014/main" id="{52FB9067-E50B-CB41-0A4C-DCFED99CF49A}"/>
              </a:ext>
            </a:extLst>
          </p:cNvPr>
          <p:cNvPicPr>
            <a:picLocks noGrp="1" noChangeAspect="1"/>
          </p:cNvPicPr>
          <p:nvPr>
            <p:ph sz="quarter" idx="17"/>
          </p:nvPr>
        </p:nvPicPr>
        <p:blipFill>
          <a:blip r:embed="rId2"/>
          <a:stretch>
            <a:fillRect/>
          </a:stretch>
        </p:blipFill>
        <p:spPr>
          <a:xfrm>
            <a:off x="792654" y="2473923"/>
            <a:ext cx="5769593" cy="1073028"/>
          </a:xfrm>
        </p:spPr>
      </p:pic>
      <p:pic>
        <p:nvPicPr>
          <p:cNvPr id="10" name="Picture 8" descr="52 Creepy Children ideas | creepy, creepy kids, creepy vintage">
            <a:extLst>
              <a:ext uri="{FF2B5EF4-FFF2-40B4-BE49-F238E27FC236}">
                <a16:creationId xmlns:a16="http://schemas.microsoft.com/office/drawing/2014/main" id="{B38BA6C3-C101-4D40-9066-2A0446B5F58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68075" y="188640"/>
            <a:ext cx="3376904" cy="72116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2" descr="15 Common Pests That Are Destroying Your Home">
            <a:extLst>
              <a:ext uri="{FF2B5EF4-FFF2-40B4-BE49-F238E27FC236}">
                <a16:creationId xmlns:a16="http://schemas.microsoft.com/office/drawing/2014/main" id="{E94F42A3-8B7A-4EED-8F74-72EFC7DC975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45736" y="4203702"/>
            <a:ext cx="4221582" cy="25776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0C61FAB1-98B5-4608-B797-9164B0072C1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655840" y="5350040"/>
            <a:ext cx="6145163" cy="1153752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CE6BF7B1-3DC5-47C9-AE85-0604F657420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005759" y="1279346"/>
            <a:ext cx="6339220" cy="1354172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0ABB72B4-EC64-4FDB-BFA5-64BC86B95C3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99832" y="64614"/>
            <a:ext cx="6149355" cy="1134268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D7516B1B-14BD-44A6-99CF-86E61476066C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053206" y="3997972"/>
            <a:ext cx="6267419" cy="11909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7523631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7F178037-89D0-499F-910B-053FB30A07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3432" y="620688"/>
            <a:ext cx="8352928" cy="5541956"/>
          </a:xfrm>
          <a:prstGeom prst="rect">
            <a:avLst/>
          </a:prstGeom>
        </p:spPr>
      </p:pic>
      <p:sp>
        <p:nvSpPr>
          <p:cNvPr id="7" name="Ellipse 6">
            <a:extLst>
              <a:ext uri="{FF2B5EF4-FFF2-40B4-BE49-F238E27FC236}">
                <a16:creationId xmlns:a16="http://schemas.microsoft.com/office/drawing/2014/main" id="{664D77E0-D1E9-42D8-9376-156EE5D70CE9}"/>
              </a:ext>
            </a:extLst>
          </p:cNvPr>
          <p:cNvSpPr/>
          <p:nvPr/>
        </p:nvSpPr>
        <p:spPr>
          <a:xfrm>
            <a:off x="4439816" y="5373216"/>
            <a:ext cx="187220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25473738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7F178037-89D0-499F-910B-053FB30A07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8" y="116632"/>
            <a:ext cx="2880320" cy="1911019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CA6FD380-C877-4938-A055-F742ADCB212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5520" y="103552"/>
            <a:ext cx="5467562" cy="6339880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AE09C7B7-6536-45F6-B9C8-06B1038490D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042419" y="114964"/>
            <a:ext cx="5252338" cy="6560064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0E3C74CF-3132-4CDD-8D7B-B96D2D66D76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899939" y="5533729"/>
            <a:ext cx="2394818" cy="13237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8069436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Ellipse 6">
            <a:extLst>
              <a:ext uri="{FF2B5EF4-FFF2-40B4-BE49-F238E27FC236}">
                <a16:creationId xmlns:a16="http://schemas.microsoft.com/office/drawing/2014/main" id="{567965C6-3EB1-CA48-5267-EE81EB30B680}"/>
              </a:ext>
            </a:extLst>
          </p:cNvPr>
          <p:cNvSpPr/>
          <p:nvPr/>
        </p:nvSpPr>
        <p:spPr>
          <a:xfrm>
            <a:off x="1266738" y="117446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3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7F178037-89D0-499F-910B-053FB30A07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8" y="116632"/>
            <a:ext cx="2880320" cy="1911019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CDE4F8C6-6F22-4963-8086-D7DD88FD090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63752" y="821337"/>
            <a:ext cx="7762068" cy="2361418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3DC231EB-CE19-4105-9407-916DB11A01D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91559" y="3369961"/>
            <a:ext cx="8408159" cy="2782643"/>
          </a:xfrm>
          <a:prstGeom prst="rect">
            <a:avLst/>
          </a:prstGeom>
        </p:spPr>
      </p:pic>
      <p:sp>
        <p:nvSpPr>
          <p:cNvPr id="13" name="Ellipse 12">
            <a:extLst>
              <a:ext uri="{FF2B5EF4-FFF2-40B4-BE49-F238E27FC236}">
                <a16:creationId xmlns:a16="http://schemas.microsoft.com/office/drawing/2014/main" id="{54D3D858-3C06-4EFE-A5B0-136275B7B5DD}"/>
              </a:ext>
            </a:extLst>
          </p:cNvPr>
          <p:cNvSpPr/>
          <p:nvPr/>
        </p:nvSpPr>
        <p:spPr>
          <a:xfrm>
            <a:off x="8184232" y="1970438"/>
            <a:ext cx="344158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4" name="Ellipse 13">
            <a:extLst>
              <a:ext uri="{FF2B5EF4-FFF2-40B4-BE49-F238E27FC236}">
                <a16:creationId xmlns:a16="http://schemas.microsoft.com/office/drawing/2014/main" id="{37125E1D-3D04-45AB-9E12-812708BAAA10}"/>
              </a:ext>
            </a:extLst>
          </p:cNvPr>
          <p:cNvSpPr/>
          <p:nvPr/>
        </p:nvSpPr>
        <p:spPr>
          <a:xfrm>
            <a:off x="5447928" y="5654758"/>
            <a:ext cx="472372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11351260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 animBg="1"/>
      <p:bldP spid="14" grpId="0" animBg="1"/>
    </p:bld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4F63EBC9-C5CE-416A-87DD-E97A3E069A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42367" y="692696"/>
            <a:ext cx="9329482" cy="5256584"/>
          </a:xfrm>
          <a:prstGeom prst="rect">
            <a:avLst/>
          </a:prstGeom>
        </p:spPr>
      </p:pic>
      <p:sp>
        <p:nvSpPr>
          <p:cNvPr id="9" name="Ellipse 8">
            <a:extLst>
              <a:ext uri="{FF2B5EF4-FFF2-40B4-BE49-F238E27FC236}">
                <a16:creationId xmlns:a16="http://schemas.microsoft.com/office/drawing/2014/main" id="{ED6C2695-65DF-45D6-B8AC-BFFD05D5C7EA}"/>
              </a:ext>
            </a:extLst>
          </p:cNvPr>
          <p:cNvSpPr/>
          <p:nvPr/>
        </p:nvSpPr>
        <p:spPr>
          <a:xfrm>
            <a:off x="3863752" y="5013176"/>
            <a:ext cx="223224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7" name="Ellipse 6">
            <a:extLst>
              <a:ext uri="{FF2B5EF4-FFF2-40B4-BE49-F238E27FC236}">
                <a16:creationId xmlns:a16="http://schemas.microsoft.com/office/drawing/2014/main" id="{0BED478F-44ED-5FA9-FB95-8012617E0488}"/>
              </a:ext>
            </a:extLst>
          </p:cNvPr>
          <p:cNvSpPr/>
          <p:nvPr/>
        </p:nvSpPr>
        <p:spPr>
          <a:xfrm>
            <a:off x="1266738" y="117446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642596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4F63EBC9-C5CE-416A-87DD-E97A3E069A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8" y="116632"/>
            <a:ext cx="3195028" cy="1800200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11B32CCD-1D6F-415E-8F22-4D1B2031F87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28048" y="257025"/>
            <a:ext cx="5112568" cy="6195739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BCABB4E1-176B-46B8-A9BF-560B358664E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32198" y="2202096"/>
            <a:ext cx="5502187" cy="43659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829257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6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4F63EBC9-C5CE-416A-87DD-E97A3E069A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8" y="116632"/>
            <a:ext cx="3195028" cy="1800200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CA0C429D-6E98-4904-954E-26D48BC46DC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43472" y="3362785"/>
            <a:ext cx="7067550" cy="4629150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E82CE28C-87DE-4A20-9A85-41D51C69789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85654" y="149810"/>
            <a:ext cx="8890358" cy="3063165"/>
          </a:xfrm>
          <a:prstGeom prst="rect">
            <a:avLst/>
          </a:prstGeom>
        </p:spPr>
      </p:pic>
      <p:sp>
        <p:nvSpPr>
          <p:cNvPr id="12" name="Ellipse 11">
            <a:extLst>
              <a:ext uri="{FF2B5EF4-FFF2-40B4-BE49-F238E27FC236}">
                <a16:creationId xmlns:a16="http://schemas.microsoft.com/office/drawing/2014/main" id="{0A33B222-3A98-4E8A-82F1-C94CAE441FEA}"/>
              </a:ext>
            </a:extLst>
          </p:cNvPr>
          <p:cNvSpPr/>
          <p:nvPr/>
        </p:nvSpPr>
        <p:spPr>
          <a:xfrm>
            <a:off x="4575406" y="1156181"/>
            <a:ext cx="5625049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6" name="Ellipse 15">
            <a:extLst>
              <a:ext uri="{FF2B5EF4-FFF2-40B4-BE49-F238E27FC236}">
                <a16:creationId xmlns:a16="http://schemas.microsoft.com/office/drawing/2014/main" id="{2A7925AF-3797-4BDB-B140-9B890BD9221C}"/>
              </a:ext>
            </a:extLst>
          </p:cNvPr>
          <p:cNvSpPr/>
          <p:nvPr/>
        </p:nvSpPr>
        <p:spPr>
          <a:xfrm>
            <a:off x="5536966" y="4725144"/>
            <a:ext cx="187220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13E80B58-80E4-4B8A-BAEB-F074E7DB7925}"/>
              </a:ext>
            </a:extLst>
          </p:cNvPr>
          <p:cNvSpPr txBox="1"/>
          <p:nvPr/>
        </p:nvSpPr>
        <p:spPr>
          <a:xfrm>
            <a:off x="4575406" y="2564904"/>
            <a:ext cx="6705170" cy="432048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Maksimal plasmakoncentration ved </a:t>
            </a:r>
            <a:r>
              <a:rPr lang="da-DK" dirty="0" err="1"/>
              <a:t>im</a:t>
            </a:r>
            <a:r>
              <a:rPr lang="da-DK" dirty="0"/>
              <a:t> indgift efter 15-45 min</a:t>
            </a:r>
          </a:p>
        </p:txBody>
      </p:sp>
    </p:spTree>
    <p:extLst>
      <p:ext uri="{BB962C8B-B14F-4D97-AF65-F5344CB8AC3E}">
        <p14:creationId xmlns:p14="http://schemas.microsoft.com/office/powerpoint/2010/main" val="42855971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animBg="1"/>
      <p:bldP spid="16" grpId="0" animBg="1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Ellipse 6">
            <a:extLst>
              <a:ext uri="{FF2B5EF4-FFF2-40B4-BE49-F238E27FC236}">
                <a16:creationId xmlns:a16="http://schemas.microsoft.com/office/drawing/2014/main" id="{F0DFC504-F044-C282-A4C6-D117957B03B0}"/>
              </a:ext>
            </a:extLst>
          </p:cNvPr>
          <p:cNvSpPr/>
          <p:nvPr/>
        </p:nvSpPr>
        <p:spPr>
          <a:xfrm>
            <a:off x="1266738" y="117446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7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D2EE6CC4-A840-4D62-B3BF-E35C95C7F29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7" y="404664"/>
            <a:ext cx="9529809" cy="5544616"/>
          </a:xfrm>
          <a:prstGeom prst="rect">
            <a:avLst/>
          </a:prstGeom>
        </p:spPr>
      </p:pic>
      <p:sp>
        <p:nvSpPr>
          <p:cNvPr id="10" name="Ellipse 9">
            <a:extLst>
              <a:ext uri="{FF2B5EF4-FFF2-40B4-BE49-F238E27FC236}">
                <a16:creationId xmlns:a16="http://schemas.microsoft.com/office/drawing/2014/main" id="{489E1800-3EF0-4928-91B7-392DD89B00CF}"/>
              </a:ext>
            </a:extLst>
          </p:cNvPr>
          <p:cNvSpPr/>
          <p:nvPr/>
        </p:nvSpPr>
        <p:spPr>
          <a:xfrm>
            <a:off x="4223791" y="5085184"/>
            <a:ext cx="2389391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158423827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</p:bld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8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D2EE6CC4-A840-4D62-B3BF-E35C95C7F29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3432" y="188640"/>
            <a:ext cx="2846566" cy="1656184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071CD6DB-BA4F-42DB-9A7F-99C26CF4C6F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37256" y="188640"/>
            <a:ext cx="6040753" cy="5754097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B3C1BE52-C3C6-43CF-9EB9-DAC559BE8AA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39415" y="1722654"/>
            <a:ext cx="4723728" cy="49653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86965971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9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D2EE6CC4-A840-4D62-B3BF-E35C95C7F29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3432" y="188640"/>
            <a:ext cx="2846566" cy="1656184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119251F8-8271-472D-8326-B2C299D00EF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27448" y="2226110"/>
            <a:ext cx="9662261" cy="3867186"/>
          </a:xfrm>
          <a:prstGeom prst="rect">
            <a:avLst/>
          </a:prstGeom>
        </p:spPr>
      </p:pic>
      <p:sp>
        <p:nvSpPr>
          <p:cNvPr id="10" name="Ellipse 9">
            <a:extLst>
              <a:ext uri="{FF2B5EF4-FFF2-40B4-BE49-F238E27FC236}">
                <a16:creationId xmlns:a16="http://schemas.microsoft.com/office/drawing/2014/main" id="{35AA674C-C249-4C8E-BE0A-ADEFFC910F14}"/>
              </a:ext>
            </a:extLst>
          </p:cNvPr>
          <p:cNvSpPr/>
          <p:nvPr/>
        </p:nvSpPr>
        <p:spPr>
          <a:xfrm>
            <a:off x="1559496" y="3394996"/>
            <a:ext cx="511256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474260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4400" dirty="0"/>
              <a:t>Forekomst</a:t>
            </a:r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b="1" dirty="0"/>
              <a:t>20-25% af </a:t>
            </a:r>
            <a:r>
              <a:rPr lang="da-DK" b="1" dirty="0" err="1"/>
              <a:t>hosptialsindlagte</a:t>
            </a:r>
            <a:r>
              <a:rPr lang="da-DK" b="1" dirty="0"/>
              <a:t> ældre patienter </a:t>
            </a:r>
          </a:p>
          <a:p>
            <a:pPr marL="0" indent="0">
              <a:buNone/>
            </a:pPr>
            <a:r>
              <a:rPr lang="da-DK" b="1" dirty="0"/>
              <a:t>I nogle populationer 50-80%</a:t>
            </a:r>
            <a:endParaRPr lang="da-DK" dirty="0"/>
          </a:p>
        </p:txBody>
      </p:sp>
      <p:pic>
        <p:nvPicPr>
          <p:cNvPr id="8" name="Picture 2" descr="15 Common Pests That Are Destroying Your Home">
            <a:extLst>
              <a:ext uri="{FF2B5EF4-FFF2-40B4-BE49-F238E27FC236}">
                <a16:creationId xmlns:a16="http://schemas.microsoft.com/office/drawing/2014/main" id="{E94F42A3-8B7A-4EED-8F74-72EFC7DC975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1688" y="82853"/>
            <a:ext cx="6570456" cy="40118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6" descr="Friday essay: shadows on the Moon - a tale of ephemeral beauty, humans and  hubris">
            <a:extLst>
              <a:ext uri="{FF2B5EF4-FFF2-40B4-BE49-F238E27FC236}">
                <a16:creationId xmlns:a16="http://schemas.microsoft.com/office/drawing/2014/main" id="{BC19A6C4-20CC-4FE5-95BE-FB6D358DCDE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9081" y="4271285"/>
            <a:ext cx="4315391" cy="225499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8" descr="52 Creepy Children ideas | creepy, creepy kids, creepy vintage">
            <a:extLst>
              <a:ext uri="{FF2B5EF4-FFF2-40B4-BE49-F238E27FC236}">
                <a16:creationId xmlns:a16="http://schemas.microsoft.com/office/drawing/2014/main" id="{B38BA6C3-C101-4D40-9066-2A0446B5F58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10380" y="309178"/>
            <a:ext cx="2940109" cy="62788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icture 4" descr="Explanations for the &amp;quot;Shadow People&amp;quot; Phenomenon">
            <a:extLst>
              <a:ext uri="{FF2B5EF4-FFF2-40B4-BE49-F238E27FC236}">
                <a16:creationId xmlns:a16="http://schemas.microsoft.com/office/drawing/2014/main" id="{D9BB1052-46FF-4015-9666-55B6BBBA240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29485" y="4280288"/>
            <a:ext cx="3190405" cy="225499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37893591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B4E8DC01-DB29-4731-B44F-39656C323C5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FA410B6B-8C11-475E-9E21-99648FA1AAF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B1871BC-763E-4AB8-8E06-0F71DD491E6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0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09971CEE-A931-40BF-93CA-1205B39836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5034" y="984070"/>
            <a:ext cx="5209234" cy="826910"/>
          </a:xfrm>
        </p:spPr>
        <p:txBody>
          <a:bodyPr/>
          <a:lstStyle/>
          <a:p>
            <a:r>
              <a:rPr lang="da-DK" sz="4400" dirty="0"/>
              <a:t>Farmakologisk behandling</a:t>
            </a:r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C2820B24-162B-44A1-9567-353B5F8BFDD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375C613E-7516-41F5-9949-BA17AB39B7E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349154" y="1628800"/>
            <a:ext cx="6110876" cy="3831675"/>
          </a:xfrm>
        </p:spPr>
        <p:txBody>
          <a:bodyPr/>
          <a:lstStyle/>
          <a:p>
            <a:endParaRPr lang="da-DK" sz="2800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31DD9B7E-2CE0-439A-9A10-A9F59FD1CC8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754862"/>
            <a:ext cx="12192000" cy="3348275"/>
          </a:xfrm>
          <a:prstGeom prst="rect">
            <a:avLst/>
          </a:prstGeom>
        </p:spPr>
      </p:pic>
      <p:sp>
        <p:nvSpPr>
          <p:cNvPr id="8" name="Ellipse 7">
            <a:extLst>
              <a:ext uri="{FF2B5EF4-FFF2-40B4-BE49-F238E27FC236}">
                <a16:creationId xmlns:a16="http://schemas.microsoft.com/office/drawing/2014/main" id="{501037C2-8E1D-4267-D717-F66584990F28}"/>
              </a:ext>
            </a:extLst>
          </p:cNvPr>
          <p:cNvSpPr/>
          <p:nvPr/>
        </p:nvSpPr>
        <p:spPr>
          <a:xfrm>
            <a:off x="1266738" y="117446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5452476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ktangel 11">
            <a:extLst>
              <a:ext uri="{FF2B5EF4-FFF2-40B4-BE49-F238E27FC236}">
                <a16:creationId xmlns:a16="http://schemas.microsoft.com/office/drawing/2014/main" id="{E699A1BB-5D50-EB42-C5CE-5A0CE5DCFA4C}"/>
              </a:ext>
            </a:extLst>
          </p:cNvPr>
          <p:cNvSpPr/>
          <p:nvPr/>
        </p:nvSpPr>
        <p:spPr>
          <a:xfrm>
            <a:off x="7734650" y="-1"/>
            <a:ext cx="4519873" cy="6858001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233BF2BF-F05A-4967-A18E-23A618A01B8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935658" y="4130586"/>
            <a:ext cx="6228866" cy="3197155"/>
          </a:xfrm>
        </p:spPr>
        <p:txBody>
          <a:bodyPr>
            <a:normAutofit/>
          </a:bodyPr>
          <a:lstStyle/>
          <a:p>
            <a:pPr algn="l"/>
            <a:r>
              <a:rPr lang="da-DK" sz="4800" b="1" dirty="0">
                <a:solidFill>
                  <a:schemeClr val="bg1"/>
                </a:solidFill>
                <a:latin typeface="Roboto Slab" pitchFamily="2" charset="0"/>
                <a:ea typeface="Roboto Slab" pitchFamily="2" charset="0"/>
                <a:cs typeface="Roboto Slab" pitchFamily="2" charset="0"/>
              </a:rPr>
              <a:t>Antipsykotika</a:t>
            </a:r>
            <a:br>
              <a:rPr lang="da-DK" sz="1200" b="1" dirty="0">
                <a:solidFill>
                  <a:schemeClr val="bg1"/>
                </a:solidFill>
                <a:latin typeface="Roboto Slab" pitchFamily="2" charset="0"/>
                <a:ea typeface="Roboto Slab" pitchFamily="2" charset="0"/>
                <a:cs typeface="Roboto Slab" pitchFamily="2" charset="0"/>
              </a:rPr>
            </a:br>
            <a:r>
              <a:rPr lang="da-DK" sz="2800" b="1" dirty="0">
                <a:solidFill>
                  <a:schemeClr val="bg1"/>
                </a:solidFill>
                <a:latin typeface="Roboto Slab" pitchFamily="2" charset="0"/>
                <a:ea typeface="Roboto Slab" pitchFamily="2" charset="0"/>
                <a:cs typeface="Roboto Slab" pitchFamily="2" charset="0"/>
              </a:rPr>
              <a:t>til delirbehandling</a:t>
            </a:r>
            <a:endParaRPr lang="da-DK" sz="4800" b="1" dirty="0">
              <a:solidFill>
                <a:schemeClr val="bg1"/>
              </a:solidFill>
              <a:latin typeface="Roboto Slab" pitchFamily="2" charset="0"/>
              <a:ea typeface="Roboto Slab" pitchFamily="2" charset="0"/>
              <a:cs typeface="Roboto Slab" pitchFamily="2" charset="0"/>
            </a:endParaRPr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6F4C8CA2-77AD-EC65-FE94-73296E270C86}"/>
              </a:ext>
            </a:extLst>
          </p:cNvPr>
          <p:cNvSpPr txBox="1"/>
          <p:nvPr/>
        </p:nvSpPr>
        <p:spPr>
          <a:xfrm>
            <a:off x="238269" y="1362790"/>
            <a:ext cx="5724308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0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Georgia" panose="02040502050405020303" pitchFamily="18" charset="0"/>
                <a:ea typeface="Calibri" panose="020F0502020204030204" pitchFamily="34" charset="0"/>
                <a:cs typeface="+mn-cs"/>
              </a:rPr>
              <a:t> </a:t>
            </a:r>
            <a:endParaRPr kumimoji="0" lang="da-DK" sz="18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Georgia" panose="02040502050405020303" pitchFamily="18" charset="0"/>
              <a:ea typeface="+mn-ea"/>
              <a:cs typeface="+mn-cs"/>
            </a:endParaRPr>
          </a:p>
        </p:txBody>
      </p:sp>
      <p:pic>
        <p:nvPicPr>
          <p:cNvPr id="6" name="Picture 2">
            <a:extLst>
              <a:ext uri="{FF2B5EF4-FFF2-40B4-BE49-F238E27FC236}">
                <a16:creationId xmlns:a16="http://schemas.microsoft.com/office/drawing/2014/main" id="{533301C7-5E74-2668-8C40-C28B24A998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8269" y="6194862"/>
            <a:ext cx="2196956" cy="503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E7812A13-1D8E-D562-6D6D-C90EBB90637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57690" y="5853036"/>
            <a:ext cx="888494" cy="844881"/>
          </a:xfrm>
          <a:prstGeom prst="rect">
            <a:avLst/>
          </a:prstGeom>
        </p:spPr>
      </p:pic>
      <p:sp>
        <p:nvSpPr>
          <p:cNvPr id="4" name="Tekstfelt 3">
            <a:extLst>
              <a:ext uri="{FF2B5EF4-FFF2-40B4-BE49-F238E27FC236}">
                <a16:creationId xmlns:a16="http://schemas.microsoft.com/office/drawing/2014/main" id="{526B4426-A6CE-EB40-1D10-34BE6B6F4DD5}"/>
              </a:ext>
            </a:extLst>
          </p:cNvPr>
          <p:cNvSpPr txBox="1"/>
          <p:nvPr/>
        </p:nvSpPr>
        <p:spPr>
          <a:xfrm>
            <a:off x="238269" y="2673142"/>
            <a:ext cx="7678993" cy="295465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800" dirty="0">
                <a:effectLst/>
                <a:latin typeface="Roboto Slab" pitchFamily="2" charset="0"/>
                <a:ea typeface="Roboto Slab" pitchFamily="2" charset="0"/>
                <a:cs typeface="Roboto Slab" pitchFamily="2" charset="0"/>
              </a:rPr>
              <a:t>Mindst muligt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Nonfarmakologisk behandling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Altid plan for udtrapning/</a:t>
            </a:r>
            <a:r>
              <a:rPr lang="da-DK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seponering</a:t>
            </a:r>
            <a:endParaRPr lang="da-DK" sz="2800" dirty="0">
              <a:latin typeface="Roboto Slab" pitchFamily="2" charset="0"/>
              <a:ea typeface="Roboto Slab" pitchFamily="2" charset="0"/>
              <a:cs typeface="Roboto Slab" pitchFamily="2" charset="0"/>
            </a:endParaRP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Opfølgning 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Hukommelsesudredning?</a:t>
            </a:r>
          </a:p>
          <a:p>
            <a:endParaRPr lang="en-GB" sz="2800" dirty="0">
              <a:latin typeface="Roboto Slab" pitchFamily="2" charset="0"/>
              <a:ea typeface="Roboto Slab" pitchFamily="2" charset="0"/>
              <a:cs typeface="Roboto Slab" pitchFamily="2" charset="0"/>
            </a:endParaRPr>
          </a:p>
          <a:p>
            <a:endParaRPr lang="da-DK" dirty="0">
              <a:latin typeface="Georgia" panose="02040502050405020303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23243066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ktangel 4">
            <a:extLst>
              <a:ext uri="{FF2B5EF4-FFF2-40B4-BE49-F238E27FC236}">
                <a16:creationId xmlns:a16="http://schemas.microsoft.com/office/drawing/2014/main" id="{409D51C1-A414-4505-BAC3-5A2223E4A8A1}"/>
              </a:ext>
            </a:extLst>
          </p:cNvPr>
          <p:cNvSpPr/>
          <p:nvPr/>
        </p:nvSpPr>
        <p:spPr>
          <a:xfrm>
            <a:off x="1014025" y="692696"/>
            <a:ext cx="6306111" cy="5515704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T</a:t>
            </a: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2</a:t>
            </a:fld>
            <a:endParaRPr lang="en-GB" dirty="0"/>
          </a:p>
        </p:txBody>
      </p:sp>
      <p:pic>
        <p:nvPicPr>
          <p:cNvPr id="7" name="Pladsholder til billede 6">
            <a:extLst>
              <a:ext uri="{FF2B5EF4-FFF2-40B4-BE49-F238E27FC236}">
                <a16:creationId xmlns:a16="http://schemas.microsoft.com/office/drawing/2014/main" id="{A82349DC-4433-4F9C-B19E-08C3EBE5F61F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2"/>
          <a:srcRect l="5592" r="5592"/>
          <a:stretch/>
        </p:blipFill>
        <p:spPr/>
      </p:pic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714EBD0C-3DCC-438B-824F-F55642E9E98A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703512" y="1700808"/>
            <a:ext cx="5544614" cy="4335731"/>
          </a:xfrm>
        </p:spPr>
        <p:txBody>
          <a:bodyPr/>
          <a:lstStyle/>
          <a:p>
            <a:pPr marL="0" indent="0" defTabSz="740662">
              <a:lnSpc>
                <a:spcPct val="150000"/>
              </a:lnSpc>
              <a:spcBef>
                <a:spcPts val="600"/>
              </a:spcBef>
              <a:buNone/>
              <a:defRPr sz="2500">
                <a:solidFill>
                  <a:srgbClr val="000000"/>
                </a:solidFill>
              </a:defRPr>
            </a:pPr>
            <a:r>
              <a:rPr lang="da-DK" sz="1800" dirty="0"/>
              <a:t>Hyppig, farlig, ofte overset blandt ældre</a:t>
            </a:r>
            <a:br>
              <a:rPr lang="da-DK" sz="1800" dirty="0"/>
            </a:br>
            <a:r>
              <a:rPr lang="da-DK" sz="1800" dirty="0"/>
              <a:t>Symptom på underliggende sygdom</a:t>
            </a:r>
            <a:br>
              <a:rPr lang="da-DK" sz="1800" dirty="0"/>
            </a:br>
            <a:r>
              <a:rPr lang="da-DK" sz="1800" dirty="0"/>
              <a:t>Systematisk screening og forebyggelse</a:t>
            </a:r>
            <a:br>
              <a:rPr lang="da-DK" sz="1800" dirty="0"/>
            </a:br>
            <a:r>
              <a:rPr lang="da-DK" sz="1800" dirty="0"/>
              <a:t>Skal identificeres, medicingennemgang</a:t>
            </a:r>
            <a:br>
              <a:rPr lang="da-DK" sz="1800" dirty="0"/>
            </a:br>
            <a:br>
              <a:rPr lang="da-DK" sz="1800" dirty="0"/>
            </a:br>
            <a:r>
              <a:rPr lang="da-DK" sz="1800" dirty="0"/>
              <a:t>Skal håndteres </a:t>
            </a:r>
            <a:r>
              <a:rPr lang="da-DK" sz="1800" b="1" u="sng" dirty="0"/>
              <a:t>non-</a:t>
            </a:r>
            <a:r>
              <a:rPr lang="da-DK" sz="1800" b="1" u="sng" dirty="0" err="1"/>
              <a:t>famakologisk</a:t>
            </a:r>
            <a:r>
              <a:rPr lang="da-DK" sz="1800" b="1" u="sng" dirty="0"/>
              <a:t> og tværfagligt</a:t>
            </a:r>
          </a:p>
          <a:p>
            <a:pPr marL="0" indent="0" defTabSz="740662">
              <a:lnSpc>
                <a:spcPct val="150000"/>
              </a:lnSpc>
              <a:spcBef>
                <a:spcPts val="600"/>
              </a:spcBef>
              <a:buNone/>
              <a:defRPr sz="2500">
                <a:solidFill>
                  <a:srgbClr val="000000"/>
                </a:solidFill>
              </a:defRPr>
            </a:pPr>
            <a:r>
              <a:rPr lang="da-DK" sz="1800" dirty="0"/>
              <a:t>Kan </a:t>
            </a:r>
            <a:r>
              <a:rPr lang="da-DK" sz="1800" b="1" dirty="0"/>
              <a:t>ikke </a:t>
            </a:r>
            <a:r>
              <a:rPr lang="da-DK" sz="1800" dirty="0"/>
              <a:t>behandles med psykofarmaka</a:t>
            </a:r>
            <a:br>
              <a:rPr lang="da-DK" sz="1800" dirty="0"/>
            </a:br>
            <a:r>
              <a:rPr lang="da-DK" sz="1800" dirty="0"/>
              <a:t>Kun, hvis patienten er forpint eller, hvis nødvendig diagnostik/behandling ikke kan gennemføres </a:t>
            </a:r>
          </a:p>
          <a:p>
            <a:pPr marL="0" indent="0" defTabSz="740662">
              <a:lnSpc>
                <a:spcPct val="150000"/>
              </a:lnSpc>
              <a:spcBef>
                <a:spcPts val="600"/>
              </a:spcBef>
              <a:buNone/>
              <a:defRPr sz="2500">
                <a:solidFill>
                  <a:srgbClr val="000000"/>
                </a:solidFill>
              </a:defRPr>
            </a:pPr>
            <a:br>
              <a:rPr lang="da-DK" sz="1800" dirty="0"/>
            </a:br>
            <a:endParaRPr lang="da-DK" sz="1800" b="1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47CF5C47-379C-407F-BC30-B214A519CB82}"/>
              </a:ext>
            </a:extLst>
          </p:cNvPr>
          <p:cNvSpPr txBox="1"/>
          <p:nvPr/>
        </p:nvSpPr>
        <p:spPr>
          <a:xfrm>
            <a:off x="1631504" y="1052736"/>
            <a:ext cx="5544616" cy="79208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3600" b="1" dirty="0"/>
              <a:t>TAKE HOME</a:t>
            </a: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E6CC65FA-802F-1D80-3085-F2FB98B108FD}"/>
              </a:ext>
            </a:extLst>
          </p:cNvPr>
          <p:cNvSpPr/>
          <p:nvPr/>
        </p:nvSpPr>
        <p:spPr>
          <a:xfrm>
            <a:off x="1266738" y="117446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78142527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3</a:t>
            </a:fld>
            <a:endParaRPr lang="en-GB" dirty="0"/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343472" y="2333629"/>
            <a:ext cx="6340151" cy="3831675"/>
          </a:xfrm>
        </p:spPr>
        <p:txBody>
          <a:bodyPr/>
          <a:lstStyle/>
          <a:p>
            <a:pPr marL="0" indent="0">
              <a:buNone/>
            </a:pPr>
            <a:r>
              <a:rPr lang="da-DK" altLang="da-DK" sz="2800" b="1" dirty="0"/>
              <a:t>Nonfarmakologisk </a:t>
            </a:r>
            <a:r>
              <a:rPr lang="da-DK" altLang="da-DK" sz="2800" b="1" dirty="0" err="1"/>
              <a:t>multikomponent</a:t>
            </a:r>
            <a:endParaRPr lang="da-DK" altLang="da-DK" sz="2800" b="1" dirty="0"/>
          </a:p>
        </p:txBody>
      </p:sp>
      <p:pic>
        <p:nvPicPr>
          <p:cNvPr id="9" name="Pladsholder til billede 8">
            <a:extLst>
              <a:ext uri="{FF2B5EF4-FFF2-40B4-BE49-F238E27FC236}">
                <a16:creationId xmlns:a16="http://schemas.microsoft.com/office/drawing/2014/main" id="{854AAF3A-8B79-4A19-A5E6-CF1B6907234C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2"/>
          <a:srcRect l="34372" r="34372"/>
          <a:stretch>
            <a:fillRect/>
          </a:stretch>
        </p:blipFill>
        <p:spPr>
          <a:xfrm>
            <a:off x="7467599" y="0"/>
            <a:ext cx="4724400" cy="6858000"/>
          </a:xfrm>
          <a:prstGeom prst="rect">
            <a:avLst/>
          </a:prstGeom>
        </p:spPr>
      </p:pic>
      <p:sp>
        <p:nvSpPr>
          <p:cNvPr id="10" name="Titel 4">
            <a:extLst>
              <a:ext uri="{FF2B5EF4-FFF2-40B4-BE49-F238E27FC236}">
                <a16:creationId xmlns:a16="http://schemas.microsoft.com/office/drawing/2014/main" id="{47D2F3B1-E01A-4556-8E43-211FF6B5D5F0}"/>
              </a:ext>
            </a:extLst>
          </p:cNvPr>
          <p:cNvSpPr txBox="1">
            <a:spLocks/>
          </p:cNvSpPr>
          <p:nvPr/>
        </p:nvSpPr>
        <p:spPr>
          <a:xfrm>
            <a:off x="1271464" y="620688"/>
            <a:ext cx="5209234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4400"/>
              <a:t>Håndtering</a:t>
            </a:r>
            <a:endParaRPr lang="da-DK" sz="4400" dirty="0"/>
          </a:p>
        </p:txBody>
      </p:sp>
    </p:spTree>
    <p:extLst>
      <p:ext uri="{BB962C8B-B14F-4D97-AF65-F5344CB8AC3E}">
        <p14:creationId xmlns:p14="http://schemas.microsoft.com/office/powerpoint/2010/main" val="448725128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4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1464" y="620688"/>
            <a:ext cx="5209234" cy="826910"/>
          </a:xfrm>
        </p:spPr>
        <p:txBody>
          <a:bodyPr/>
          <a:lstStyle/>
          <a:p>
            <a:r>
              <a:rPr lang="da-DK" sz="4400" dirty="0"/>
              <a:t>Håndtering</a:t>
            </a:r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271464" y="1700808"/>
            <a:ext cx="6340151" cy="3831675"/>
          </a:xfrm>
        </p:spPr>
        <p:txBody>
          <a:bodyPr/>
          <a:lstStyle/>
          <a:p>
            <a:pPr marL="0" indent="0">
              <a:buNone/>
            </a:pPr>
            <a:r>
              <a:rPr lang="da-DK" altLang="da-DK" sz="2400" dirty="0"/>
              <a:t>Rolige omgivelser (ej gangplads), begræns forstyrrelser</a:t>
            </a:r>
          </a:p>
          <a:p>
            <a:pPr marL="0" indent="0">
              <a:buNone/>
            </a:pPr>
            <a:r>
              <a:rPr lang="da-DK" altLang="da-DK" sz="2400" dirty="0"/>
              <a:t>Sikre søvn</a:t>
            </a:r>
          </a:p>
          <a:p>
            <a:pPr marL="0" indent="0">
              <a:buNone/>
            </a:pPr>
            <a:r>
              <a:rPr lang="da-DK" altLang="da-DK" sz="2400" dirty="0"/>
              <a:t>Optimering af syn og hørelse</a:t>
            </a:r>
          </a:p>
          <a:p>
            <a:pPr marL="0" indent="0">
              <a:buNone/>
            </a:pPr>
            <a:r>
              <a:rPr lang="da-DK" altLang="da-DK" sz="2400" dirty="0"/>
              <a:t>Nærvær (samme personale)</a:t>
            </a:r>
          </a:p>
          <a:p>
            <a:pPr marL="0" indent="0">
              <a:buNone/>
            </a:pPr>
            <a:r>
              <a:rPr lang="da-DK" altLang="da-DK" sz="2400" dirty="0"/>
              <a:t>Smertelindring</a:t>
            </a:r>
          </a:p>
          <a:p>
            <a:pPr marL="0" indent="0">
              <a:buNone/>
            </a:pPr>
            <a:r>
              <a:rPr lang="da-DK" altLang="da-DK" sz="2400" dirty="0"/>
              <a:t>Sikring af mad og drikke </a:t>
            </a:r>
          </a:p>
          <a:p>
            <a:pPr marL="0" indent="0">
              <a:buNone/>
            </a:pPr>
            <a:r>
              <a:rPr lang="da-DK" altLang="da-DK" sz="2400" dirty="0"/>
              <a:t>Sikre udskillelser (afføring + vandladning)</a:t>
            </a:r>
          </a:p>
          <a:p>
            <a:pPr marL="0" indent="0">
              <a:buNone/>
            </a:pPr>
            <a:r>
              <a:rPr lang="da-DK" altLang="da-DK" sz="2400" dirty="0"/>
              <a:t>Medicin med omtanke, undgå polyfarmaci</a:t>
            </a:r>
          </a:p>
          <a:p>
            <a:pPr marL="0" indent="0">
              <a:buNone/>
            </a:pPr>
            <a:r>
              <a:rPr lang="da-DK" altLang="da-DK" sz="2400" dirty="0"/>
              <a:t>Pårørende inddrages / fast vagt</a:t>
            </a:r>
          </a:p>
        </p:txBody>
      </p:sp>
      <p:pic>
        <p:nvPicPr>
          <p:cNvPr id="9" name="Pladsholder til billede 8">
            <a:extLst>
              <a:ext uri="{FF2B5EF4-FFF2-40B4-BE49-F238E27FC236}">
                <a16:creationId xmlns:a16="http://schemas.microsoft.com/office/drawing/2014/main" id="{854AAF3A-8B79-4A19-A5E6-CF1B6907234C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2"/>
          <a:srcRect l="34372" r="34372"/>
          <a:stretch>
            <a:fillRect/>
          </a:stretch>
        </p:blipFill>
        <p:spPr>
          <a:xfrm>
            <a:off x="7467599" y="0"/>
            <a:ext cx="47244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125484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5</a:t>
            </a:fld>
            <a:endParaRPr lang="en-GB" dirty="0"/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343472" y="2333629"/>
            <a:ext cx="6340151" cy="3831675"/>
          </a:xfrm>
        </p:spPr>
        <p:txBody>
          <a:bodyPr/>
          <a:lstStyle/>
          <a:p>
            <a:r>
              <a:rPr lang="da-DK" sz="2800" dirty="0"/>
              <a:t>Et symptom på underliggende sygdom/medicin</a:t>
            </a:r>
          </a:p>
          <a:p>
            <a:r>
              <a:rPr lang="da-DK" sz="2800" dirty="0"/>
              <a:t>Find årsagen (årsagerne) </a:t>
            </a:r>
          </a:p>
          <a:p>
            <a:r>
              <a:rPr lang="da-DK" sz="2800" dirty="0"/>
              <a:t>Behandle årsagen (årsagerne)</a:t>
            </a:r>
          </a:p>
          <a:p>
            <a:r>
              <a:rPr lang="da-DK" sz="2800" dirty="0"/>
              <a:t>Medicingennemgang</a:t>
            </a:r>
          </a:p>
          <a:p>
            <a:r>
              <a:rPr lang="da-DK" sz="2800" dirty="0"/>
              <a:t>Diagnose</a:t>
            </a:r>
          </a:p>
          <a:p>
            <a:r>
              <a:rPr lang="da-DK" sz="2800" dirty="0"/>
              <a:t>Opfølgning?</a:t>
            </a:r>
          </a:p>
        </p:txBody>
      </p:sp>
      <p:sp>
        <p:nvSpPr>
          <p:cNvPr id="10" name="Titel 4">
            <a:extLst>
              <a:ext uri="{FF2B5EF4-FFF2-40B4-BE49-F238E27FC236}">
                <a16:creationId xmlns:a16="http://schemas.microsoft.com/office/drawing/2014/main" id="{47D2F3B1-E01A-4556-8E43-211FF6B5D5F0}"/>
              </a:ext>
            </a:extLst>
          </p:cNvPr>
          <p:cNvSpPr txBox="1">
            <a:spLocks/>
          </p:cNvSpPr>
          <p:nvPr/>
        </p:nvSpPr>
        <p:spPr>
          <a:xfrm>
            <a:off x="1271464" y="620688"/>
            <a:ext cx="5616624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4400" dirty="0"/>
              <a:t>Håndtering - LÆGEN</a:t>
            </a:r>
          </a:p>
        </p:txBody>
      </p:sp>
      <p:pic>
        <p:nvPicPr>
          <p:cNvPr id="12" name="Pladsholder til billede 11">
            <a:extLst>
              <a:ext uri="{FF2B5EF4-FFF2-40B4-BE49-F238E27FC236}">
                <a16:creationId xmlns:a16="http://schemas.microsoft.com/office/drawing/2014/main" id="{7D8C3598-634A-4845-B5E7-ECFB18805100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2"/>
          <a:srcRect t="1078" b="1078"/>
          <a:stretch/>
        </p:blipFill>
        <p:spPr/>
      </p:pic>
    </p:spTree>
    <p:extLst>
      <p:ext uri="{BB962C8B-B14F-4D97-AF65-F5344CB8AC3E}">
        <p14:creationId xmlns:p14="http://schemas.microsoft.com/office/powerpoint/2010/main" val="2483477853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FE0C4A-C590-43A9-91D4-33BCFE8CAE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6836" y="2348880"/>
            <a:ext cx="9531033" cy="2641781"/>
          </a:xfrm>
        </p:spPr>
        <p:txBody>
          <a:bodyPr/>
          <a:lstStyle/>
          <a:p>
            <a:r>
              <a:rPr lang="da-DK" sz="3200" b="0" dirty="0"/>
              <a:t>Delir blomsten</a:t>
            </a:r>
            <a:br>
              <a:rPr lang="da-DK" sz="3200" b="0" dirty="0"/>
            </a:br>
            <a:br>
              <a:rPr lang="da-DK" sz="3200" b="0" dirty="0"/>
            </a:br>
            <a:r>
              <a:rPr lang="da-DK" sz="3200" b="0" dirty="0"/>
              <a:t>Tal om vejret</a:t>
            </a:r>
            <a:br>
              <a:rPr lang="da-DK" sz="3200" b="0" dirty="0"/>
            </a:br>
            <a:br>
              <a:rPr lang="da-DK" sz="3200" b="0" dirty="0"/>
            </a:br>
            <a:r>
              <a:rPr lang="da-DK" sz="3200" b="0" dirty="0"/>
              <a:t>Korte sætninger</a:t>
            </a:r>
            <a:br>
              <a:rPr lang="da-DK" sz="3200" b="0" dirty="0"/>
            </a:br>
            <a:br>
              <a:rPr lang="da-DK" sz="3200" b="0" dirty="0"/>
            </a:br>
            <a:r>
              <a:rPr lang="da-DK" sz="3200" b="0" dirty="0"/>
              <a:t>Tydelig tale</a:t>
            </a:r>
            <a:br>
              <a:rPr lang="da-DK" sz="3200" b="0" dirty="0"/>
            </a:br>
            <a:br>
              <a:rPr lang="da-DK" sz="3200" b="0" dirty="0"/>
            </a:br>
            <a:r>
              <a:rPr lang="da-DK" sz="3200" b="0" dirty="0"/>
              <a:t>Gentag centrale budskab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63B2F8C-C425-4BB9-9DE8-787AE8F94A1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5D0CB343-989A-422C-8EF9-A9463EE4451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90DCAAC-D960-4676-8FAE-BA2A096464F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6</a:t>
            </a:fld>
            <a:endParaRPr lang="da-DK" dirty="0"/>
          </a:p>
        </p:txBody>
      </p:sp>
      <p:sp>
        <p:nvSpPr>
          <p:cNvPr id="7" name="Titel 4">
            <a:extLst>
              <a:ext uri="{FF2B5EF4-FFF2-40B4-BE49-F238E27FC236}">
                <a16:creationId xmlns:a16="http://schemas.microsoft.com/office/drawing/2014/main" id="{44BAAE4E-A0A6-4AB4-831E-BBF8F8D0A503}"/>
              </a:ext>
            </a:extLst>
          </p:cNvPr>
          <p:cNvSpPr txBox="1">
            <a:spLocks/>
          </p:cNvSpPr>
          <p:nvPr/>
        </p:nvSpPr>
        <p:spPr>
          <a:xfrm>
            <a:off x="1181217" y="769266"/>
            <a:ext cx="5922895" cy="82691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38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4400" dirty="0">
                <a:solidFill>
                  <a:schemeClr val="tx1"/>
                </a:solidFill>
              </a:rPr>
              <a:t>Kognitiv </a:t>
            </a:r>
            <a:r>
              <a:rPr lang="da-DK" sz="4400" dirty="0" err="1">
                <a:solidFill>
                  <a:schemeClr val="tx1"/>
                </a:solidFill>
              </a:rPr>
              <a:t>reorientering</a:t>
            </a:r>
            <a:endParaRPr lang="da-DK" sz="4400" dirty="0">
              <a:solidFill>
                <a:schemeClr val="tx1"/>
              </a:solidFill>
            </a:endParaRP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3E168CA5-DE42-4D91-9C28-5F0B87EB686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04112" y="0"/>
            <a:ext cx="486722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4669801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7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1464" y="3933056"/>
            <a:ext cx="5400600" cy="826910"/>
          </a:xfrm>
        </p:spPr>
        <p:txBody>
          <a:bodyPr/>
          <a:lstStyle/>
          <a:p>
            <a:r>
              <a:rPr lang="da-DK" sz="6000" dirty="0"/>
              <a:t>Farmakologisk behandling</a:t>
            </a:r>
          </a:p>
        </p:txBody>
      </p:sp>
      <p:pic>
        <p:nvPicPr>
          <p:cNvPr id="9" name="Pladsholder til billede 8">
            <a:extLst>
              <a:ext uri="{FF2B5EF4-FFF2-40B4-BE49-F238E27FC236}">
                <a16:creationId xmlns:a16="http://schemas.microsoft.com/office/drawing/2014/main" id="{854AAF3A-8B79-4A19-A5E6-CF1B6907234C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2"/>
          <a:srcRect l="34372" r="34372"/>
          <a:stretch>
            <a:fillRect/>
          </a:stretch>
        </p:blipFill>
        <p:spPr>
          <a:xfrm>
            <a:off x="7467599" y="0"/>
            <a:ext cx="4724400" cy="6858000"/>
          </a:xfrm>
          <a:prstGeom prst="rect">
            <a:avLst/>
          </a:prstGeom>
        </p:spPr>
      </p:pic>
      <p:sp>
        <p:nvSpPr>
          <p:cNvPr id="6" name="Gangetegn 5">
            <a:extLst>
              <a:ext uri="{FF2B5EF4-FFF2-40B4-BE49-F238E27FC236}">
                <a16:creationId xmlns:a16="http://schemas.microsoft.com/office/drawing/2014/main" id="{377177C4-B409-48A4-8E85-19550E3965D9}"/>
              </a:ext>
            </a:extLst>
          </p:cNvPr>
          <p:cNvSpPr/>
          <p:nvPr/>
        </p:nvSpPr>
        <p:spPr>
          <a:xfrm>
            <a:off x="7128792" y="3092266"/>
            <a:ext cx="4151783" cy="3865125"/>
          </a:xfrm>
          <a:prstGeom prst="mathMultiply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147608700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8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A60B04EB-2A4E-477F-B0CD-1A2F009A6A9A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158036ED-40D9-4B13-B6C3-4F28A4E59EE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334013" y="0"/>
            <a:ext cx="4851185" cy="6858000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956D2FCF-5367-4F6D-BFF8-80E76265FAF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2500" y="1328737"/>
            <a:ext cx="10287000" cy="42005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77671391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C34B24-98AF-4FF9-A094-B4B3880E38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D28A6AF-A249-4D11-A180-0207E418E6C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4D024BF-7F88-4B5A-B297-54495F58FB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9</a:t>
            </a:fld>
            <a:endParaRPr lang="en-GB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BEAA51CF-824F-419D-AF2B-B98F4D58B33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90500" y="305622"/>
            <a:ext cx="9144000" cy="2646305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5710A360-CCE7-4D28-809F-F752F5421E8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90500" y="2630204"/>
            <a:ext cx="8693493" cy="35716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8176431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968208" y="4941168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2400" b="1" dirty="0"/>
              <a:t>Afdelingslæge</a:t>
            </a:r>
          </a:p>
          <a:p>
            <a:r>
              <a:rPr lang="da-DK" sz="2400" dirty="0"/>
              <a:t>Martin Schultz</a:t>
            </a:r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A60B04EB-2A4E-477F-B0CD-1A2F009A6A9A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9BC5BC1A-CC14-4DFE-9BC0-64110D8A561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0638" y="75838"/>
            <a:ext cx="9697850" cy="6625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3134024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0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12574" y="2924944"/>
            <a:ext cx="5209234" cy="826910"/>
          </a:xfrm>
        </p:spPr>
        <p:txBody>
          <a:bodyPr/>
          <a:lstStyle/>
          <a:p>
            <a:r>
              <a:rPr lang="da-DK" sz="4400" dirty="0"/>
              <a:t>Hvilken medicin skal du vælge?</a:t>
            </a:r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6182FCE8-04BE-434D-BF49-6A5A682D9EAC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pPr marL="0" indent="0">
              <a:buNone/>
            </a:pPr>
            <a:endParaRPr lang="da-DK" dirty="0"/>
          </a:p>
        </p:txBody>
      </p:sp>
      <p:pic>
        <p:nvPicPr>
          <p:cNvPr id="10" name="Picture 8" descr="52 Creepy Children ideas | creepy, creepy kids, creepy vintage">
            <a:extLst>
              <a:ext uri="{FF2B5EF4-FFF2-40B4-BE49-F238E27FC236}">
                <a16:creationId xmlns:a16="http://schemas.microsoft.com/office/drawing/2014/main" id="{B38BA6C3-C101-4D40-9066-2A0446B5F58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68075" y="188640"/>
            <a:ext cx="3376904" cy="72116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2" descr="15 Common Pests That Are Destroying Your Home">
            <a:extLst>
              <a:ext uri="{FF2B5EF4-FFF2-40B4-BE49-F238E27FC236}">
                <a16:creationId xmlns:a16="http://schemas.microsoft.com/office/drawing/2014/main" id="{E94F42A3-8B7A-4EED-8F74-72EFC7DC975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45736" y="4203702"/>
            <a:ext cx="4221582" cy="25776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0ABB72B4-EC64-4FDB-BFA5-64BC86B95C3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65607" y="2375474"/>
            <a:ext cx="6149355" cy="1134268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D7516B1B-14BD-44A6-99CF-86E61476066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093799" y="3774598"/>
            <a:ext cx="6267419" cy="1190979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0C61FAB1-98B5-4608-B797-9164B0072C1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655840" y="5350040"/>
            <a:ext cx="6145163" cy="1153752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CE6BF7B1-3DC5-47C9-AE85-0604F657420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448499" y="511291"/>
            <a:ext cx="6339220" cy="13541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951117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1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7F178037-89D0-499F-910B-053FB30A07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3432" y="620688"/>
            <a:ext cx="8352928" cy="5541956"/>
          </a:xfrm>
          <a:prstGeom prst="rect">
            <a:avLst/>
          </a:prstGeom>
        </p:spPr>
      </p:pic>
      <p:sp>
        <p:nvSpPr>
          <p:cNvPr id="7" name="Ellipse 6">
            <a:extLst>
              <a:ext uri="{FF2B5EF4-FFF2-40B4-BE49-F238E27FC236}">
                <a16:creationId xmlns:a16="http://schemas.microsoft.com/office/drawing/2014/main" id="{664D77E0-D1E9-42D8-9376-156EE5D70CE9}"/>
              </a:ext>
            </a:extLst>
          </p:cNvPr>
          <p:cNvSpPr/>
          <p:nvPr/>
        </p:nvSpPr>
        <p:spPr>
          <a:xfrm>
            <a:off x="4439816" y="5373216"/>
            <a:ext cx="187220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43663655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2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7F178037-89D0-499F-910B-053FB30A07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8" y="116632"/>
            <a:ext cx="2880320" cy="1911019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CA6FD380-C877-4938-A055-F742ADCB212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5520" y="103552"/>
            <a:ext cx="5467562" cy="6339880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AE09C7B7-6536-45F6-B9C8-06B1038490D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042419" y="114964"/>
            <a:ext cx="5252338" cy="6560064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0E3C74CF-3132-4CDD-8D7B-B96D2D66D76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899939" y="5533729"/>
            <a:ext cx="2394818" cy="13237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3408364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3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7F178037-89D0-499F-910B-053FB30A07C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8" y="116632"/>
            <a:ext cx="2880320" cy="1911019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CDE4F8C6-6F22-4963-8086-D7DD88FD090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63752" y="821337"/>
            <a:ext cx="7762068" cy="2361418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3DC231EB-CE19-4105-9407-916DB11A01D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91559" y="3369961"/>
            <a:ext cx="8408159" cy="2782643"/>
          </a:xfrm>
          <a:prstGeom prst="rect">
            <a:avLst/>
          </a:prstGeom>
        </p:spPr>
      </p:pic>
      <p:sp>
        <p:nvSpPr>
          <p:cNvPr id="13" name="Ellipse 12">
            <a:extLst>
              <a:ext uri="{FF2B5EF4-FFF2-40B4-BE49-F238E27FC236}">
                <a16:creationId xmlns:a16="http://schemas.microsoft.com/office/drawing/2014/main" id="{54D3D858-3C06-4EFE-A5B0-136275B7B5DD}"/>
              </a:ext>
            </a:extLst>
          </p:cNvPr>
          <p:cNvSpPr/>
          <p:nvPr/>
        </p:nvSpPr>
        <p:spPr>
          <a:xfrm>
            <a:off x="8184232" y="1970438"/>
            <a:ext cx="344158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4" name="Ellipse 13">
            <a:extLst>
              <a:ext uri="{FF2B5EF4-FFF2-40B4-BE49-F238E27FC236}">
                <a16:creationId xmlns:a16="http://schemas.microsoft.com/office/drawing/2014/main" id="{37125E1D-3D04-45AB-9E12-812708BAAA10}"/>
              </a:ext>
            </a:extLst>
          </p:cNvPr>
          <p:cNvSpPr/>
          <p:nvPr/>
        </p:nvSpPr>
        <p:spPr>
          <a:xfrm>
            <a:off x="5447928" y="5654758"/>
            <a:ext cx="472372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10526429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3" grpId="0" animBg="1"/>
      <p:bldP spid="14" grpId="0" animBg="1"/>
    </p:bldLst>
  </p:timing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4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4F63EBC9-C5CE-416A-87DD-E97A3E069A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42367" y="692696"/>
            <a:ext cx="9329482" cy="5256584"/>
          </a:xfrm>
          <a:prstGeom prst="rect">
            <a:avLst/>
          </a:prstGeom>
        </p:spPr>
      </p:pic>
      <p:sp>
        <p:nvSpPr>
          <p:cNvPr id="9" name="Ellipse 8">
            <a:extLst>
              <a:ext uri="{FF2B5EF4-FFF2-40B4-BE49-F238E27FC236}">
                <a16:creationId xmlns:a16="http://schemas.microsoft.com/office/drawing/2014/main" id="{ED6C2695-65DF-45D6-B8AC-BFFD05D5C7EA}"/>
              </a:ext>
            </a:extLst>
          </p:cNvPr>
          <p:cNvSpPr/>
          <p:nvPr/>
        </p:nvSpPr>
        <p:spPr>
          <a:xfrm>
            <a:off x="3863752" y="5013176"/>
            <a:ext cx="223224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119537056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</p:bldLst>
  </p:timing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5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4F63EBC9-C5CE-416A-87DD-E97A3E069A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8" y="116632"/>
            <a:ext cx="3195028" cy="1800200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11B32CCD-1D6F-415E-8F22-4D1B2031F87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28048" y="257025"/>
            <a:ext cx="5112568" cy="6195739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BCABB4E1-176B-46B8-A9BF-560B358664E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32198" y="2202096"/>
            <a:ext cx="5502187" cy="43659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7585551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6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4F63EBC9-C5CE-416A-87DD-E97A3E069A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8" y="116632"/>
            <a:ext cx="3195028" cy="1800200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CA0C429D-6E98-4904-954E-26D48BC46DC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43472" y="3362785"/>
            <a:ext cx="7067550" cy="4629150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E82CE28C-87DE-4A20-9A85-41D51C69789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85654" y="149810"/>
            <a:ext cx="8890358" cy="3063165"/>
          </a:xfrm>
          <a:prstGeom prst="rect">
            <a:avLst/>
          </a:prstGeom>
        </p:spPr>
      </p:pic>
      <p:sp>
        <p:nvSpPr>
          <p:cNvPr id="12" name="Ellipse 11">
            <a:extLst>
              <a:ext uri="{FF2B5EF4-FFF2-40B4-BE49-F238E27FC236}">
                <a16:creationId xmlns:a16="http://schemas.microsoft.com/office/drawing/2014/main" id="{0A33B222-3A98-4E8A-82F1-C94CAE441FEA}"/>
              </a:ext>
            </a:extLst>
          </p:cNvPr>
          <p:cNvSpPr/>
          <p:nvPr/>
        </p:nvSpPr>
        <p:spPr>
          <a:xfrm>
            <a:off x="4575406" y="1156181"/>
            <a:ext cx="5625049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6" name="Ellipse 15">
            <a:extLst>
              <a:ext uri="{FF2B5EF4-FFF2-40B4-BE49-F238E27FC236}">
                <a16:creationId xmlns:a16="http://schemas.microsoft.com/office/drawing/2014/main" id="{2A7925AF-3797-4BDB-B140-9B890BD9221C}"/>
              </a:ext>
            </a:extLst>
          </p:cNvPr>
          <p:cNvSpPr/>
          <p:nvPr/>
        </p:nvSpPr>
        <p:spPr>
          <a:xfrm>
            <a:off x="5536966" y="4725144"/>
            <a:ext cx="187220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13E80B58-80E4-4B8A-BAEB-F074E7DB7925}"/>
              </a:ext>
            </a:extLst>
          </p:cNvPr>
          <p:cNvSpPr txBox="1"/>
          <p:nvPr/>
        </p:nvSpPr>
        <p:spPr>
          <a:xfrm>
            <a:off x="4575406" y="2564904"/>
            <a:ext cx="6705170" cy="432048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/>
              <a:t>Maksimal plasmakoncentration ved </a:t>
            </a:r>
            <a:r>
              <a:rPr lang="da-DK" dirty="0" err="1"/>
              <a:t>im</a:t>
            </a:r>
            <a:r>
              <a:rPr lang="da-DK" dirty="0"/>
              <a:t> indgift efter 15-45 min</a:t>
            </a:r>
          </a:p>
        </p:txBody>
      </p:sp>
    </p:spTree>
    <p:extLst>
      <p:ext uri="{BB962C8B-B14F-4D97-AF65-F5344CB8AC3E}">
        <p14:creationId xmlns:p14="http://schemas.microsoft.com/office/powerpoint/2010/main" val="343297551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animBg="1"/>
      <p:bldP spid="16" grpId="0" animBg="1"/>
    </p:bldLst>
  </p:timing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7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D2EE6CC4-A840-4D62-B3BF-E35C95C7F29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7" y="404664"/>
            <a:ext cx="9529809" cy="5544616"/>
          </a:xfrm>
          <a:prstGeom prst="rect">
            <a:avLst/>
          </a:prstGeom>
        </p:spPr>
      </p:pic>
      <p:sp>
        <p:nvSpPr>
          <p:cNvPr id="10" name="Ellipse 9">
            <a:extLst>
              <a:ext uri="{FF2B5EF4-FFF2-40B4-BE49-F238E27FC236}">
                <a16:creationId xmlns:a16="http://schemas.microsoft.com/office/drawing/2014/main" id="{489E1800-3EF0-4928-91B7-392DD89B00CF}"/>
              </a:ext>
            </a:extLst>
          </p:cNvPr>
          <p:cNvSpPr/>
          <p:nvPr/>
        </p:nvSpPr>
        <p:spPr>
          <a:xfrm>
            <a:off x="4223791" y="5085184"/>
            <a:ext cx="2389391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413501739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</p:bldLst>
  </p:timing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8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D2EE6CC4-A840-4D62-B3BF-E35C95C7F29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3432" y="188640"/>
            <a:ext cx="2846566" cy="1656184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071CD6DB-BA4F-42DB-9A7F-99C26CF4C6F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37256" y="188640"/>
            <a:ext cx="6040753" cy="5754097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B3C1BE52-C3C6-43CF-9EB9-DAC559BE8AA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39415" y="1722654"/>
            <a:ext cx="4723728" cy="49653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59642915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9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9EED73B5-F775-4062-8062-7EF54245FE39}"/>
              </a:ext>
            </a:extLst>
          </p:cNvPr>
          <p:cNvSpPr txBox="1"/>
          <p:nvPr/>
        </p:nvSpPr>
        <p:spPr>
          <a:xfrm>
            <a:off x="7824192" y="5085184"/>
            <a:ext cx="3149997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D2EE6CC4-A840-4D62-B3BF-E35C95C7F29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3432" y="188640"/>
            <a:ext cx="2846566" cy="1656184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119251F8-8271-472D-8326-B2C299D00EF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27448" y="2226110"/>
            <a:ext cx="9662261" cy="3867186"/>
          </a:xfrm>
          <a:prstGeom prst="rect">
            <a:avLst/>
          </a:prstGeom>
        </p:spPr>
      </p:pic>
      <p:sp>
        <p:nvSpPr>
          <p:cNvPr id="10" name="Ellipse 9">
            <a:extLst>
              <a:ext uri="{FF2B5EF4-FFF2-40B4-BE49-F238E27FC236}">
                <a16:creationId xmlns:a16="http://schemas.microsoft.com/office/drawing/2014/main" id="{35AA674C-C249-4C8E-BE0A-ADEFFC910F14}"/>
              </a:ext>
            </a:extLst>
          </p:cNvPr>
          <p:cNvSpPr/>
          <p:nvPr/>
        </p:nvSpPr>
        <p:spPr>
          <a:xfrm>
            <a:off x="1559496" y="3394996"/>
            <a:ext cx="5112568" cy="720080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23214985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ktangel 11">
            <a:extLst>
              <a:ext uri="{FF2B5EF4-FFF2-40B4-BE49-F238E27FC236}">
                <a16:creationId xmlns:a16="http://schemas.microsoft.com/office/drawing/2014/main" id="{E699A1BB-5D50-EB42-C5CE-5A0CE5DCFA4C}"/>
              </a:ext>
            </a:extLst>
          </p:cNvPr>
          <p:cNvSpPr/>
          <p:nvPr/>
        </p:nvSpPr>
        <p:spPr>
          <a:xfrm>
            <a:off x="7734650" y="-1"/>
            <a:ext cx="4519873" cy="6858001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233BF2BF-F05A-4967-A18E-23A618A01B8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060704" y="4513540"/>
            <a:ext cx="6228866" cy="3197155"/>
          </a:xfrm>
        </p:spPr>
        <p:txBody>
          <a:bodyPr>
            <a:normAutofit/>
          </a:bodyPr>
          <a:lstStyle/>
          <a:p>
            <a:pPr algn="l"/>
            <a:r>
              <a:rPr lang="da-DK" sz="4800" b="1" dirty="0">
                <a:solidFill>
                  <a:schemeClr val="bg1"/>
                </a:solidFill>
                <a:effectLst/>
                <a:latin typeface="Roboto Slab" pitchFamily="2" charset="0"/>
                <a:ea typeface="Roboto Slab" pitchFamily="2" charset="0"/>
                <a:cs typeface="Roboto Slab" pitchFamily="2" charset="0"/>
              </a:rPr>
              <a:t>Delir</a:t>
            </a:r>
            <a:endParaRPr lang="da-DK" sz="1200" b="1" dirty="0">
              <a:solidFill>
                <a:schemeClr val="bg1"/>
              </a:solidFill>
              <a:latin typeface="Roboto Slab" pitchFamily="2" charset="0"/>
              <a:ea typeface="Roboto Slab" pitchFamily="2" charset="0"/>
              <a:cs typeface="Roboto Slab" pitchFamily="2" charset="0"/>
            </a:endParaRPr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6F4C8CA2-77AD-EC65-FE94-73296E270C86}"/>
              </a:ext>
            </a:extLst>
          </p:cNvPr>
          <p:cNvSpPr txBox="1"/>
          <p:nvPr/>
        </p:nvSpPr>
        <p:spPr>
          <a:xfrm>
            <a:off x="238269" y="1362790"/>
            <a:ext cx="5724308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0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Georgia" panose="02040502050405020303" pitchFamily="18" charset="0"/>
                <a:ea typeface="Calibri" panose="020F0502020204030204" pitchFamily="34" charset="0"/>
                <a:cs typeface="+mn-cs"/>
              </a:rPr>
              <a:t> </a:t>
            </a:r>
            <a:endParaRPr kumimoji="0" lang="da-DK" sz="18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Georgia" panose="02040502050405020303" pitchFamily="18" charset="0"/>
              <a:ea typeface="+mn-ea"/>
              <a:cs typeface="+mn-cs"/>
            </a:endParaRPr>
          </a:p>
        </p:txBody>
      </p:sp>
      <p:pic>
        <p:nvPicPr>
          <p:cNvPr id="6" name="Picture 2">
            <a:extLst>
              <a:ext uri="{FF2B5EF4-FFF2-40B4-BE49-F238E27FC236}">
                <a16:creationId xmlns:a16="http://schemas.microsoft.com/office/drawing/2014/main" id="{533301C7-5E74-2668-8C40-C28B24A998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8269" y="6194862"/>
            <a:ext cx="2196956" cy="503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E7812A13-1D8E-D562-6D6D-C90EBB90637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57690" y="5853036"/>
            <a:ext cx="888494" cy="844881"/>
          </a:xfrm>
          <a:prstGeom prst="rect">
            <a:avLst/>
          </a:prstGeom>
        </p:spPr>
      </p:pic>
      <p:sp>
        <p:nvSpPr>
          <p:cNvPr id="4" name="Tekstfelt 3">
            <a:extLst>
              <a:ext uri="{FF2B5EF4-FFF2-40B4-BE49-F238E27FC236}">
                <a16:creationId xmlns:a16="http://schemas.microsoft.com/office/drawing/2014/main" id="{526B4426-A6CE-EB40-1D10-34BE6B6F4DD5}"/>
              </a:ext>
            </a:extLst>
          </p:cNvPr>
          <p:cNvSpPr txBox="1"/>
          <p:nvPr/>
        </p:nvSpPr>
        <p:spPr>
          <a:xfrm>
            <a:off x="112945" y="1772667"/>
            <a:ext cx="7233239" cy="34470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da-DK" sz="3200" dirty="0">
              <a:effectLst/>
              <a:latin typeface="Roboto Slab" pitchFamily="2" charset="0"/>
              <a:ea typeface="Roboto Slab" pitchFamily="2" charset="0"/>
              <a:cs typeface="Roboto Slab" pitchFamily="2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Forekomst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20-25% (60-80%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Akut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, 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reversibelt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, “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hjernesvigt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”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Overses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ofte</a:t>
            </a:r>
            <a:endParaRPr lang="en-GB" sz="2800" dirty="0">
              <a:latin typeface="Roboto Slab" pitchFamily="2" charset="0"/>
              <a:ea typeface="Roboto Slab" pitchFamily="2" charset="0"/>
              <a:cs typeface="Roboto Slab" pitchFamily="2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Akut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medicinsk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tilstand</a:t>
            </a:r>
            <a:endParaRPr lang="en-GB" sz="2800" dirty="0">
              <a:latin typeface="Roboto Slab" pitchFamily="2" charset="0"/>
              <a:ea typeface="Roboto Slab" pitchFamily="2" charset="0"/>
              <a:cs typeface="Roboto Slab" pitchFamily="2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Udløst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af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noget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andet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(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flere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ting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Udløsende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årsag</a:t>
            </a:r>
            <a:r>
              <a:rPr lang="en-GB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 </a:t>
            </a:r>
            <a:r>
              <a:rPr lang="en-GB" sz="2800" dirty="0" err="1">
                <a:latin typeface="Roboto Slab" pitchFamily="2" charset="0"/>
                <a:ea typeface="Roboto Slab" pitchFamily="2" charset="0"/>
                <a:cs typeface="Roboto Slab" pitchFamily="2" charset="0"/>
              </a:rPr>
              <a:t>fjernes</a:t>
            </a:r>
            <a:endParaRPr lang="en-GB" sz="2800" dirty="0">
              <a:latin typeface="Roboto Slab" pitchFamily="2" charset="0"/>
              <a:ea typeface="Roboto Slab" pitchFamily="2" charset="0"/>
              <a:cs typeface="Roboto Slab" pitchFamily="2" charset="0"/>
            </a:endParaRPr>
          </a:p>
          <a:p>
            <a:endParaRPr lang="da-DK" dirty="0">
              <a:latin typeface="Georgia" panose="02040502050405020303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81015196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B4E8DC01-DB29-4731-B44F-39656C323C5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FA410B6B-8C11-475E-9E21-99648FA1AAF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B1871BC-763E-4AB8-8E06-0F71DD491E6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0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09971CEE-A931-40BF-93CA-1205B39836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45034" y="984070"/>
            <a:ext cx="5209234" cy="826910"/>
          </a:xfrm>
        </p:spPr>
        <p:txBody>
          <a:bodyPr/>
          <a:lstStyle/>
          <a:p>
            <a:r>
              <a:rPr lang="da-DK" sz="4400" dirty="0"/>
              <a:t>Farmakologisk behandling</a:t>
            </a:r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C2820B24-162B-44A1-9567-353B5F8BFDD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375C613E-7516-41F5-9949-BA17AB39B7E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349154" y="1628800"/>
            <a:ext cx="6110876" cy="3831675"/>
          </a:xfrm>
        </p:spPr>
        <p:txBody>
          <a:bodyPr/>
          <a:lstStyle/>
          <a:p>
            <a:endParaRPr lang="da-DK" sz="2800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31DD9B7E-2CE0-439A-9A10-A9F59FD1CC8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754862"/>
            <a:ext cx="12192000" cy="33482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1277870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ktangel 4">
            <a:extLst>
              <a:ext uri="{FF2B5EF4-FFF2-40B4-BE49-F238E27FC236}">
                <a16:creationId xmlns:a16="http://schemas.microsoft.com/office/drawing/2014/main" id="{409D51C1-A414-4505-BAC3-5A2223E4A8A1}"/>
              </a:ext>
            </a:extLst>
          </p:cNvPr>
          <p:cNvSpPr/>
          <p:nvPr/>
        </p:nvSpPr>
        <p:spPr>
          <a:xfrm>
            <a:off x="1014025" y="692696"/>
            <a:ext cx="6306111" cy="5515704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T</a:t>
            </a: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1</a:t>
            </a:fld>
            <a:endParaRPr lang="en-GB" dirty="0"/>
          </a:p>
        </p:txBody>
      </p:sp>
      <p:pic>
        <p:nvPicPr>
          <p:cNvPr id="7" name="Pladsholder til billede 6">
            <a:extLst>
              <a:ext uri="{FF2B5EF4-FFF2-40B4-BE49-F238E27FC236}">
                <a16:creationId xmlns:a16="http://schemas.microsoft.com/office/drawing/2014/main" id="{A82349DC-4433-4F9C-B19E-08C3EBE5F61F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2"/>
          <a:srcRect l="5592" r="5592"/>
          <a:stretch/>
        </p:blipFill>
        <p:spPr/>
      </p:pic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714EBD0C-3DCC-438B-824F-F55642E9E98A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703512" y="1700808"/>
            <a:ext cx="5544614" cy="4335731"/>
          </a:xfrm>
        </p:spPr>
        <p:txBody>
          <a:bodyPr/>
          <a:lstStyle/>
          <a:p>
            <a:pPr marL="0" indent="0" defTabSz="740662">
              <a:lnSpc>
                <a:spcPct val="150000"/>
              </a:lnSpc>
              <a:spcBef>
                <a:spcPts val="600"/>
              </a:spcBef>
              <a:buNone/>
              <a:defRPr sz="2500">
                <a:solidFill>
                  <a:srgbClr val="000000"/>
                </a:solidFill>
              </a:defRPr>
            </a:pPr>
            <a:r>
              <a:rPr lang="da-DK" sz="1800" dirty="0"/>
              <a:t>Hyppig, farlig, ofte overset blandt ældre</a:t>
            </a:r>
            <a:br>
              <a:rPr lang="da-DK" sz="1800" dirty="0"/>
            </a:br>
            <a:r>
              <a:rPr lang="da-DK" sz="1800" dirty="0"/>
              <a:t>Symptom på underliggende sygdom</a:t>
            </a:r>
            <a:br>
              <a:rPr lang="da-DK" sz="1800" dirty="0"/>
            </a:br>
            <a:r>
              <a:rPr lang="da-DK" sz="1800" dirty="0"/>
              <a:t>Systematisk screening og forebyggelse</a:t>
            </a:r>
            <a:br>
              <a:rPr lang="da-DK" sz="1800" dirty="0"/>
            </a:br>
            <a:r>
              <a:rPr lang="da-DK" sz="1800" dirty="0"/>
              <a:t>Skal identificeres, medicingennemgang</a:t>
            </a:r>
            <a:br>
              <a:rPr lang="da-DK" sz="1800" dirty="0"/>
            </a:br>
            <a:br>
              <a:rPr lang="da-DK" sz="1800" dirty="0"/>
            </a:br>
            <a:r>
              <a:rPr lang="da-DK" sz="1800" dirty="0"/>
              <a:t>Skal håndteres </a:t>
            </a:r>
            <a:r>
              <a:rPr lang="da-DK" sz="1800" b="1" u="sng" dirty="0"/>
              <a:t>non-</a:t>
            </a:r>
            <a:r>
              <a:rPr lang="da-DK" sz="1800" b="1" u="sng" dirty="0" err="1"/>
              <a:t>famakologisk</a:t>
            </a:r>
            <a:r>
              <a:rPr lang="da-DK" sz="1800" b="1" u="sng" dirty="0"/>
              <a:t> og tværfagligt</a:t>
            </a:r>
          </a:p>
          <a:p>
            <a:pPr marL="0" indent="0" defTabSz="740662">
              <a:lnSpc>
                <a:spcPct val="150000"/>
              </a:lnSpc>
              <a:spcBef>
                <a:spcPts val="600"/>
              </a:spcBef>
              <a:buNone/>
              <a:defRPr sz="2500">
                <a:solidFill>
                  <a:srgbClr val="000000"/>
                </a:solidFill>
              </a:defRPr>
            </a:pPr>
            <a:r>
              <a:rPr lang="da-DK" sz="1800" dirty="0"/>
              <a:t>Kan </a:t>
            </a:r>
            <a:r>
              <a:rPr lang="da-DK" sz="1800" b="1" dirty="0"/>
              <a:t>ikke </a:t>
            </a:r>
            <a:r>
              <a:rPr lang="da-DK" sz="1800" dirty="0"/>
              <a:t>behandles med psykofarmaka</a:t>
            </a:r>
            <a:br>
              <a:rPr lang="da-DK" sz="1800" dirty="0"/>
            </a:br>
            <a:r>
              <a:rPr lang="da-DK" sz="1800" dirty="0"/>
              <a:t>Kun, hvis patienten er forpint eller, hvis nødvendig diagnostik/behandling ikke kan gennemføres </a:t>
            </a:r>
          </a:p>
          <a:p>
            <a:pPr marL="0" indent="0" defTabSz="740662">
              <a:lnSpc>
                <a:spcPct val="150000"/>
              </a:lnSpc>
              <a:spcBef>
                <a:spcPts val="600"/>
              </a:spcBef>
              <a:buNone/>
              <a:defRPr sz="2500">
                <a:solidFill>
                  <a:srgbClr val="000000"/>
                </a:solidFill>
              </a:defRPr>
            </a:pPr>
            <a:br>
              <a:rPr lang="da-DK" sz="1800" dirty="0"/>
            </a:br>
            <a:endParaRPr lang="da-DK" sz="1800" b="1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47CF5C47-379C-407F-BC30-B214A519CB82}"/>
              </a:ext>
            </a:extLst>
          </p:cNvPr>
          <p:cNvSpPr txBox="1"/>
          <p:nvPr/>
        </p:nvSpPr>
        <p:spPr>
          <a:xfrm>
            <a:off x="1631504" y="1052736"/>
            <a:ext cx="5544616" cy="79208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3600" b="1" dirty="0"/>
              <a:t>TAKE HOME</a:t>
            </a:r>
          </a:p>
        </p:txBody>
      </p:sp>
    </p:spTree>
    <p:extLst>
      <p:ext uri="{BB962C8B-B14F-4D97-AF65-F5344CB8AC3E}">
        <p14:creationId xmlns:p14="http://schemas.microsoft.com/office/powerpoint/2010/main" val="1473401454"/>
      </p:ext>
    </p:extLst>
  </p:cSld>
  <p:clrMapOvr>
    <a:masterClrMapping/>
  </p:clrMapOvr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C34B24-98AF-4FF9-A094-B4B3880E38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D28A6AF-A249-4D11-A180-0207E418E6C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4D024BF-7F88-4B5A-B297-54495F58FB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2</a:t>
            </a:fld>
            <a:endParaRPr lang="en-GB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F3BC4F87-3427-4BB5-8FBF-B22C540C6D07}"/>
              </a:ext>
            </a:extLst>
          </p:cNvPr>
          <p:cNvSpPr txBox="1"/>
          <p:nvPr/>
        </p:nvSpPr>
        <p:spPr>
          <a:xfrm>
            <a:off x="1127448" y="3068960"/>
            <a:ext cx="6336704" cy="259228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5400" b="1" dirty="0">
                <a:solidFill>
                  <a:schemeClr val="bg1"/>
                </a:solidFill>
              </a:rPr>
              <a:t>Enestuer og delir</a:t>
            </a:r>
          </a:p>
          <a:p>
            <a:endParaRPr lang="da-DK" sz="5400" b="1" dirty="0">
              <a:solidFill>
                <a:schemeClr val="bg1"/>
              </a:solidFill>
            </a:endParaRPr>
          </a:p>
          <a:p>
            <a:r>
              <a:rPr lang="da-DK" sz="4000" dirty="0">
                <a:solidFill>
                  <a:schemeClr val="bg1"/>
                </a:solidFill>
              </a:rPr>
              <a:t>Effekt ved flytning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E33CB3A7-02F1-48E7-9F17-8448FF5E34D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68208" y="260648"/>
            <a:ext cx="3066013" cy="884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2037713"/>
      </p:ext>
    </p:extLst>
  </p:cSld>
  <p:clrMapOvr>
    <a:masterClrMapping/>
  </p:clrMapOvr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3</a:t>
            </a:fld>
            <a:endParaRPr lang="en-GB" dirty="0"/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92B1FDCF-239B-4ACE-B5B1-DC60CADDDD88}"/>
              </a:ext>
            </a:extLst>
          </p:cNvPr>
          <p:cNvSpPr/>
          <p:nvPr/>
        </p:nvSpPr>
        <p:spPr>
          <a:xfrm>
            <a:off x="6230082" y="-99392"/>
            <a:ext cx="6408712" cy="7056784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F1ADC487-1E74-48E6-A7C0-9FC2771915B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97629" y="4937002"/>
            <a:ext cx="6423723" cy="1815164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F461C170-8331-457B-8BF3-67C8F11559A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9416" y="4933278"/>
            <a:ext cx="5122503" cy="1844689"/>
          </a:xfrm>
          <a:prstGeom prst="rect">
            <a:avLst/>
          </a:prstGeom>
        </p:spPr>
      </p:pic>
      <p:sp>
        <p:nvSpPr>
          <p:cNvPr id="16" name="Tekstfelt 15">
            <a:extLst>
              <a:ext uri="{FF2B5EF4-FFF2-40B4-BE49-F238E27FC236}">
                <a16:creationId xmlns:a16="http://schemas.microsoft.com/office/drawing/2014/main" id="{968FD882-4EAC-45F3-A6FE-30D813F9C2FD}"/>
              </a:ext>
            </a:extLst>
          </p:cNvPr>
          <p:cNvSpPr txBox="1"/>
          <p:nvPr/>
        </p:nvSpPr>
        <p:spPr>
          <a:xfrm>
            <a:off x="1487488" y="2344469"/>
            <a:ext cx="4573211" cy="194421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8800" b="1" dirty="0">
                <a:solidFill>
                  <a:schemeClr val="bg1"/>
                </a:solidFill>
              </a:rPr>
              <a:t>44.8%</a:t>
            </a:r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6BEF1ECB-7AE9-4FA1-B68B-4EB9E6ACF9E6}"/>
              </a:ext>
            </a:extLst>
          </p:cNvPr>
          <p:cNvSpPr txBox="1"/>
          <p:nvPr/>
        </p:nvSpPr>
        <p:spPr>
          <a:xfrm>
            <a:off x="7824192" y="2317250"/>
            <a:ext cx="4608512" cy="194421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8800" b="1" dirty="0"/>
              <a:t>26.4%*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EB21EBCE-5456-4EA6-B790-047DB65FB53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446490" y="251626"/>
            <a:ext cx="3567184" cy="16693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49878037"/>
      </p:ext>
    </p:extLst>
  </p:cSld>
  <p:clrMapOvr>
    <a:masterClrMapping/>
  </p:clrMapOvr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4</a:t>
            </a:fld>
            <a:endParaRPr lang="en-GB" dirty="0"/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92B1FDCF-239B-4ACE-B5B1-DC60CADDDD88}"/>
              </a:ext>
            </a:extLst>
          </p:cNvPr>
          <p:cNvSpPr/>
          <p:nvPr/>
        </p:nvSpPr>
        <p:spPr>
          <a:xfrm>
            <a:off x="6230082" y="-99392"/>
            <a:ext cx="6408712" cy="7056784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F1ADC487-1E74-48E6-A7C0-9FC2771915B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97629" y="4937002"/>
            <a:ext cx="6423723" cy="1815164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F461C170-8331-457B-8BF3-67C8F11559A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9416" y="4933278"/>
            <a:ext cx="5122503" cy="1844689"/>
          </a:xfrm>
          <a:prstGeom prst="rect">
            <a:avLst/>
          </a:prstGeom>
        </p:spPr>
      </p:pic>
      <p:sp>
        <p:nvSpPr>
          <p:cNvPr id="16" name="Tekstfelt 15">
            <a:extLst>
              <a:ext uri="{FF2B5EF4-FFF2-40B4-BE49-F238E27FC236}">
                <a16:creationId xmlns:a16="http://schemas.microsoft.com/office/drawing/2014/main" id="{968FD882-4EAC-45F3-A6FE-30D813F9C2FD}"/>
              </a:ext>
            </a:extLst>
          </p:cNvPr>
          <p:cNvSpPr txBox="1"/>
          <p:nvPr/>
        </p:nvSpPr>
        <p:spPr>
          <a:xfrm>
            <a:off x="1487488" y="2344469"/>
            <a:ext cx="4573211" cy="194421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8800" b="1" dirty="0">
                <a:solidFill>
                  <a:schemeClr val="bg1"/>
                </a:solidFill>
              </a:rPr>
              <a:t>10 Dage</a:t>
            </a:r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6BEF1ECB-7AE9-4FA1-B68B-4EB9E6ACF9E6}"/>
              </a:ext>
            </a:extLst>
          </p:cNvPr>
          <p:cNvSpPr txBox="1"/>
          <p:nvPr/>
        </p:nvSpPr>
        <p:spPr>
          <a:xfrm>
            <a:off x="7320136" y="2344469"/>
            <a:ext cx="4608512" cy="194421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8800" b="1" dirty="0"/>
              <a:t>7 Dage*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B46462C8-4FCA-4E80-9684-6DCC1F6A85D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83832" y="180053"/>
            <a:ext cx="3460660" cy="17409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5545736"/>
      </p:ext>
    </p:extLst>
  </p:cSld>
  <p:clrMapOvr>
    <a:masterClrMapping/>
  </p:clrMapOvr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C34B24-98AF-4FF9-A094-B4B3880E38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D28A6AF-A249-4D11-A180-0207E418E6C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4D024BF-7F88-4B5A-B297-54495F58FB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5</a:t>
            </a:fld>
            <a:endParaRPr lang="en-GB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F3BC4F87-3427-4BB5-8FBF-B22C540C6D07}"/>
              </a:ext>
            </a:extLst>
          </p:cNvPr>
          <p:cNvSpPr txBox="1"/>
          <p:nvPr/>
        </p:nvSpPr>
        <p:spPr>
          <a:xfrm>
            <a:off x="1199456" y="2204864"/>
            <a:ext cx="6336704" cy="259228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5400" b="1" dirty="0">
                <a:solidFill>
                  <a:schemeClr val="bg1"/>
                </a:solidFill>
              </a:rPr>
              <a:t>Sengegyngen:</a:t>
            </a:r>
          </a:p>
          <a:p>
            <a:r>
              <a:rPr lang="da-DK" sz="4000" dirty="0">
                <a:solidFill>
                  <a:schemeClr val="bg1"/>
                </a:solidFill>
              </a:rPr>
              <a:t> </a:t>
            </a:r>
          </a:p>
          <a:p>
            <a:r>
              <a:rPr lang="da-DK" sz="4000" dirty="0">
                <a:solidFill>
                  <a:schemeClr val="bg1"/>
                </a:solidFill>
              </a:rPr>
              <a:t>Nonfarmakologisk intervention mod hyperaktivt delir 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E33CB3A7-02F1-48E7-9F17-8448FF5E34D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68208" y="260648"/>
            <a:ext cx="3066013" cy="884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078480"/>
      </p:ext>
    </p:extLst>
  </p:cSld>
  <p:clrMapOvr>
    <a:masterClrMapping/>
  </p:clrMapOvr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F414B222-2B5E-4A9A-9AE3-204B1841B6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4040F2AE-EA34-4DC3-86DC-016FF525620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4994805-A56B-48FB-BAD3-860E878AC44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6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52D3F0A7-564A-4AFC-A71B-6A8FFE25ACAD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468271" y="980728"/>
            <a:ext cx="3092226" cy="5919217"/>
          </a:xfrm>
        </p:spPr>
      </p:sp>
      <p:pic>
        <p:nvPicPr>
          <p:cNvPr id="8" name="IMG_5318">
            <a:hlinkClick r:id="" action="ppaction://media"/>
            <a:extLst>
              <a:ext uri="{FF2B5EF4-FFF2-40B4-BE49-F238E27FC236}">
                <a16:creationId xmlns:a16="http://schemas.microsoft.com/office/drawing/2014/main" id="{81325AC1-74FD-43F1-BBD5-B7ECC69CDC11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1127448" y="716639"/>
            <a:ext cx="10064774" cy="56614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63094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995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8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8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8"/>
                  </p:tgtEl>
                </p:cond>
              </p:nextCondLst>
            </p:seq>
          </p:childTnLst>
        </p:cTn>
      </p:par>
    </p:tnLst>
  </p:timing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7</a:t>
            </a:fld>
            <a:endParaRPr lang="en-GB" dirty="0"/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92B1FDCF-239B-4ACE-B5B1-DC60CADDDD88}"/>
              </a:ext>
            </a:extLst>
          </p:cNvPr>
          <p:cNvSpPr/>
          <p:nvPr/>
        </p:nvSpPr>
        <p:spPr>
          <a:xfrm>
            <a:off x="6230082" y="-99392"/>
            <a:ext cx="6408712" cy="7056784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F1ADC487-1E74-48E6-A7C0-9FC2771915B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97629" y="4937002"/>
            <a:ext cx="6423723" cy="1815164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F461C170-8331-457B-8BF3-67C8F11559A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9416" y="4933278"/>
            <a:ext cx="5122503" cy="1844689"/>
          </a:xfrm>
          <a:prstGeom prst="rect">
            <a:avLst/>
          </a:prstGeom>
        </p:spPr>
      </p:pic>
      <p:sp>
        <p:nvSpPr>
          <p:cNvPr id="16" name="Tekstfelt 15">
            <a:extLst>
              <a:ext uri="{FF2B5EF4-FFF2-40B4-BE49-F238E27FC236}">
                <a16:creationId xmlns:a16="http://schemas.microsoft.com/office/drawing/2014/main" id="{968FD882-4EAC-45F3-A6FE-30D813F9C2FD}"/>
              </a:ext>
            </a:extLst>
          </p:cNvPr>
          <p:cNvSpPr txBox="1"/>
          <p:nvPr/>
        </p:nvSpPr>
        <p:spPr>
          <a:xfrm>
            <a:off x="1487488" y="2344469"/>
            <a:ext cx="4573211" cy="194421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8800" b="1" dirty="0">
                <a:solidFill>
                  <a:schemeClr val="bg1"/>
                </a:solidFill>
              </a:rPr>
              <a:t>80.6%</a:t>
            </a:r>
            <a:br>
              <a:rPr lang="da-DK" sz="4000" b="1" dirty="0">
                <a:solidFill>
                  <a:schemeClr val="bg1"/>
                </a:solidFill>
              </a:rPr>
            </a:br>
            <a:r>
              <a:rPr lang="da-DK" sz="4000" b="1" dirty="0" err="1">
                <a:solidFill>
                  <a:schemeClr val="bg1"/>
                </a:solidFill>
              </a:rPr>
              <a:t>Faldte</a:t>
            </a:r>
            <a:r>
              <a:rPr lang="da-DK" sz="4000" b="1" dirty="0">
                <a:solidFill>
                  <a:schemeClr val="bg1"/>
                </a:solidFill>
              </a:rPr>
              <a:t> til ro/i søvn</a:t>
            </a:r>
            <a:endParaRPr lang="da-DK" sz="8800" b="1" dirty="0">
              <a:solidFill>
                <a:schemeClr val="bg1"/>
              </a:solidFill>
            </a:endParaRPr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6BEF1ECB-7AE9-4FA1-B68B-4EB9E6ACF9E6}"/>
              </a:ext>
            </a:extLst>
          </p:cNvPr>
          <p:cNvSpPr txBox="1"/>
          <p:nvPr/>
        </p:nvSpPr>
        <p:spPr>
          <a:xfrm>
            <a:off x="7320136" y="2344469"/>
            <a:ext cx="4608512" cy="194421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8800" b="1" dirty="0"/>
              <a:t>71.4%</a:t>
            </a:r>
            <a:br>
              <a:rPr lang="da-DK" sz="8800" b="1" dirty="0"/>
            </a:br>
            <a:r>
              <a:rPr lang="da-DK" sz="4000" b="1" dirty="0"/>
              <a:t>Sov 30 min efter</a:t>
            </a:r>
            <a:endParaRPr lang="da-DK" sz="8800" b="1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B46462C8-4FCA-4E80-9684-6DCC1F6A85D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83832" y="180053"/>
            <a:ext cx="3460660" cy="17409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5336807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ktangel 11">
            <a:extLst>
              <a:ext uri="{FF2B5EF4-FFF2-40B4-BE49-F238E27FC236}">
                <a16:creationId xmlns:a16="http://schemas.microsoft.com/office/drawing/2014/main" id="{E699A1BB-5D50-EB42-C5CE-5A0CE5DCFA4C}"/>
              </a:ext>
            </a:extLst>
          </p:cNvPr>
          <p:cNvSpPr/>
          <p:nvPr/>
        </p:nvSpPr>
        <p:spPr>
          <a:xfrm>
            <a:off x="7751741" y="-1"/>
            <a:ext cx="4519873" cy="6858001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233BF2BF-F05A-4967-A18E-23A618A01B8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254216" y="4318156"/>
            <a:ext cx="6228866" cy="3197155"/>
          </a:xfrm>
        </p:spPr>
        <p:txBody>
          <a:bodyPr>
            <a:normAutofit/>
          </a:bodyPr>
          <a:lstStyle/>
          <a:p>
            <a:pPr algn="l"/>
            <a:r>
              <a:rPr lang="da-DK" sz="4800" b="1" dirty="0">
                <a:solidFill>
                  <a:schemeClr val="bg1"/>
                </a:solidFill>
                <a:effectLst/>
                <a:latin typeface="Roboto Slab" pitchFamily="2" charset="0"/>
                <a:ea typeface="Roboto Slab" pitchFamily="2" charset="0"/>
                <a:cs typeface="Roboto Slab" pitchFamily="2" charset="0"/>
              </a:rPr>
              <a:t>Hvem får </a:t>
            </a:r>
            <a:br>
              <a:rPr lang="da-DK" sz="4800" b="1" dirty="0">
                <a:solidFill>
                  <a:schemeClr val="bg1"/>
                </a:solidFill>
                <a:effectLst/>
                <a:latin typeface="Roboto Slab" pitchFamily="2" charset="0"/>
                <a:ea typeface="Roboto Slab" pitchFamily="2" charset="0"/>
                <a:cs typeface="Roboto Slab" pitchFamily="2" charset="0"/>
              </a:rPr>
            </a:br>
            <a:r>
              <a:rPr lang="da-DK" sz="4800" b="1" dirty="0">
                <a:solidFill>
                  <a:schemeClr val="bg1"/>
                </a:solidFill>
                <a:effectLst/>
                <a:latin typeface="Roboto Slab" pitchFamily="2" charset="0"/>
                <a:ea typeface="Roboto Slab" pitchFamily="2" charset="0"/>
                <a:cs typeface="Roboto Slab" pitchFamily="2" charset="0"/>
              </a:rPr>
              <a:t>Delir?</a:t>
            </a:r>
            <a:endParaRPr lang="da-DK" sz="1200" b="1" dirty="0">
              <a:solidFill>
                <a:schemeClr val="bg1"/>
              </a:solidFill>
              <a:latin typeface="Roboto Slab" pitchFamily="2" charset="0"/>
              <a:ea typeface="Roboto Slab" pitchFamily="2" charset="0"/>
              <a:cs typeface="Roboto Slab" pitchFamily="2" charset="0"/>
            </a:endParaRPr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6F4C8CA2-77AD-EC65-FE94-73296E270C86}"/>
              </a:ext>
            </a:extLst>
          </p:cNvPr>
          <p:cNvSpPr txBox="1"/>
          <p:nvPr/>
        </p:nvSpPr>
        <p:spPr>
          <a:xfrm>
            <a:off x="238269" y="1362790"/>
            <a:ext cx="5724308" cy="4001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0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Georgia" panose="02040502050405020303" pitchFamily="18" charset="0"/>
                <a:ea typeface="Calibri" panose="020F0502020204030204" pitchFamily="34" charset="0"/>
                <a:cs typeface="+mn-cs"/>
              </a:rPr>
              <a:t> </a:t>
            </a:r>
            <a:endParaRPr kumimoji="0" lang="da-DK" sz="18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Georgia" panose="02040502050405020303" pitchFamily="18" charset="0"/>
              <a:ea typeface="+mn-ea"/>
              <a:cs typeface="+mn-cs"/>
            </a:endParaRPr>
          </a:p>
        </p:txBody>
      </p:sp>
      <p:pic>
        <p:nvPicPr>
          <p:cNvPr id="6" name="Picture 2">
            <a:extLst>
              <a:ext uri="{FF2B5EF4-FFF2-40B4-BE49-F238E27FC236}">
                <a16:creationId xmlns:a16="http://schemas.microsoft.com/office/drawing/2014/main" id="{533301C7-5E74-2668-8C40-C28B24A998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8269" y="6194862"/>
            <a:ext cx="2196956" cy="50305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E7812A13-1D8E-D562-6D6D-C90EBB90637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57690" y="5853036"/>
            <a:ext cx="888494" cy="844881"/>
          </a:xfrm>
          <a:prstGeom prst="rect">
            <a:avLst/>
          </a:prstGeom>
        </p:spPr>
      </p:pic>
      <p:sp>
        <p:nvSpPr>
          <p:cNvPr id="4" name="Tekstfelt 3">
            <a:extLst>
              <a:ext uri="{FF2B5EF4-FFF2-40B4-BE49-F238E27FC236}">
                <a16:creationId xmlns:a16="http://schemas.microsoft.com/office/drawing/2014/main" id="{526B4426-A6CE-EB40-1D10-34BE6B6F4DD5}"/>
              </a:ext>
            </a:extLst>
          </p:cNvPr>
          <p:cNvSpPr txBox="1"/>
          <p:nvPr/>
        </p:nvSpPr>
        <p:spPr>
          <a:xfrm>
            <a:off x="518502" y="1238529"/>
            <a:ext cx="7233239" cy="467820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da-DK" sz="2800" dirty="0">
              <a:effectLst/>
              <a:latin typeface="Roboto Slab" pitchFamily="2" charset="0"/>
              <a:ea typeface="Roboto Slab" pitchFamily="2" charset="0"/>
              <a:cs typeface="Roboto Slab" pitchFamily="2" charset="0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alt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Høj alder (over 80 – 85 år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alt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Kronisk / alvorlig sygdom / multimorbiditet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alt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Akut sygdom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alt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Demens, depression, tidligere delir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alt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Tidligere apopleksi / parkinson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alt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Sansesvigt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alt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Meget medici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altLang="da-DK" sz="2800" dirty="0">
                <a:latin typeface="Roboto Slab" pitchFamily="2" charset="0"/>
                <a:ea typeface="Roboto Slab" pitchFamily="2" charset="0"/>
                <a:cs typeface="Roboto Slab" pitchFamily="2" charset="0"/>
              </a:rPr>
              <a:t>Funktionstab</a:t>
            </a:r>
          </a:p>
          <a:p>
            <a:endParaRPr lang="da-DK" dirty="0">
              <a:latin typeface="Georgia" panose="02040502050405020303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1441093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91B02B1-12CC-4962-9F8A-BE93B62E0B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759F1BC-0407-4071-9FEB-4629A9ADC0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2373DD-601F-4F4A-938A-F26053DCCE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EBE21201-D2AA-457D-83FA-B9709C4CA3A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sz="4400" dirty="0"/>
          </a:p>
        </p:txBody>
      </p:sp>
      <p:sp>
        <p:nvSpPr>
          <p:cNvPr id="14" name="Pladsholder til indhold 13">
            <a:extLst>
              <a:ext uri="{FF2B5EF4-FFF2-40B4-BE49-F238E27FC236}">
                <a16:creationId xmlns:a16="http://schemas.microsoft.com/office/drawing/2014/main" id="{5317A793-C276-43B4-A63E-A9EEA3BFD7D4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5" name="Billede 14">
            <a:extLst>
              <a:ext uri="{FF2B5EF4-FFF2-40B4-BE49-F238E27FC236}">
                <a16:creationId xmlns:a16="http://schemas.microsoft.com/office/drawing/2014/main" id="{ACEF927C-9FB4-45B3-8532-247E6372516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38425" y="0"/>
            <a:ext cx="7937805" cy="6858000"/>
          </a:xfrm>
          <a:prstGeom prst="rect">
            <a:avLst/>
          </a:prstGeom>
        </p:spPr>
      </p:pic>
      <p:sp>
        <p:nvSpPr>
          <p:cNvPr id="17" name="Pladsholder til billede 16">
            <a:extLst>
              <a:ext uri="{FF2B5EF4-FFF2-40B4-BE49-F238E27FC236}">
                <a16:creationId xmlns:a16="http://schemas.microsoft.com/office/drawing/2014/main" id="{ADE55F00-5496-491F-9545-8EF7D0F744A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</p:spTree>
    <p:extLst>
      <p:ext uri="{BB962C8B-B14F-4D97-AF65-F5344CB8AC3E}">
        <p14:creationId xmlns:p14="http://schemas.microsoft.com/office/powerpoint/2010/main" val="233306622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5334335A-0917-4BF9-B99A-61B15E6B8585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31863" y="836712"/>
            <a:ext cx="7321452" cy="3831675"/>
          </a:xfrm>
        </p:spPr>
        <p:txBody>
          <a:bodyPr/>
          <a:lstStyle/>
          <a:p>
            <a:pPr marL="0" indent="0">
              <a:buNone/>
            </a:pPr>
            <a:endParaRPr lang="da-DK" sz="6000" b="1" dirty="0"/>
          </a:p>
          <a:p>
            <a:pPr marL="0" indent="0">
              <a:buNone/>
            </a:pPr>
            <a:r>
              <a:rPr lang="da-DK" sz="2800" dirty="0"/>
              <a:t>1/3-21 til 31/3-22:</a:t>
            </a:r>
          </a:p>
          <a:p>
            <a:pPr marL="0" indent="0">
              <a:buNone/>
            </a:pPr>
            <a:r>
              <a:rPr lang="da-DK" sz="2800" dirty="0"/>
              <a:t> 200 patienter randomiseret 1:1</a:t>
            </a:r>
          </a:p>
          <a:p>
            <a:pPr marL="0" indent="0">
              <a:buNone/>
            </a:pPr>
            <a:r>
              <a:rPr lang="da-DK" sz="2800" dirty="0"/>
              <a:t>(85 intervention, 96 kontrol)</a:t>
            </a:r>
          </a:p>
          <a:p>
            <a:pPr marL="0" indent="0">
              <a:buNone/>
            </a:pPr>
            <a:endParaRPr lang="da-DK" sz="2800" dirty="0"/>
          </a:p>
          <a:p>
            <a:pPr marL="0" indent="0">
              <a:buNone/>
            </a:pPr>
            <a:r>
              <a:rPr lang="da-DK" sz="2800" dirty="0"/>
              <a:t>Alder 84.2 (SD 6.7) 69.5% kvinder, </a:t>
            </a:r>
            <a:br>
              <a:rPr lang="da-DK" sz="2800" dirty="0"/>
            </a:br>
            <a:r>
              <a:rPr lang="da-DK" sz="2800" dirty="0"/>
              <a:t>90 dages mortalitet: 13.5%</a:t>
            </a:r>
            <a:endParaRPr lang="da-DK" sz="5400" dirty="0"/>
          </a:p>
          <a:p>
            <a:pPr marL="0" indent="0">
              <a:buNone/>
            </a:pPr>
            <a:endParaRPr lang="da-DK" sz="6000" b="1" dirty="0"/>
          </a:p>
        </p:txBody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8" name="Rectangle 3">
            <a:extLst>
              <a:ext uri="{FF2B5EF4-FFF2-40B4-BE49-F238E27FC236}">
                <a16:creationId xmlns:a16="http://schemas.microsoft.com/office/drawing/2014/main" id="{EE2AD277-EEC4-4FDE-9BDC-5097B65F9682}"/>
              </a:ext>
            </a:extLst>
          </p:cNvPr>
          <p:cNvSpPr>
            <a:spLocks noChangeArrowheads="1"/>
          </p:cNvSpPr>
          <p:nvPr/>
        </p:nvSpPr>
        <p:spPr bwMode="auto">
          <a:xfrm>
            <a:off x="839416" y="1445016"/>
            <a:ext cx="184731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altLang="da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9" name="Rectangle 4">
            <a:extLst>
              <a:ext uri="{FF2B5EF4-FFF2-40B4-BE49-F238E27FC236}">
                <a16:creationId xmlns:a16="http://schemas.microsoft.com/office/drawing/2014/main" id="{713AA5B5-E23E-4225-9302-370B659B31CB}"/>
              </a:ext>
            </a:extLst>
          </p:cNvPr>
          <p:cNvSpPr>
            <a:spLocks noChangeArrowheads="1"/>
          </p:cNvSpPr>
          <p:nvPr/>
        </p:nvSpPr>
        <p:spPr bwMode="auto">
          <a:xfrm>
            <a:off x="1919536" y="3151734"/>
            <a:ext cx="227948" cy="55399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 </a:t>
            </a:r>
            <a:endParaRPr kumimoji="0" lang="da-DK" altLang="da-DK" sz="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altLang="da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10" name="Rectangle 5">
            <a:extLst>
              <a:ext uri="{FF2B5EF4-FFF2-40B4-BE49-F238E27FC236}">
                <a16:creationId xmlns:a16="http://schemas.microsoft.com/office/drawing/2014/main" id="{646CCEF4-9E30-4460-84C5-F6CD9EB45DA8}"/>
              </a:ext>
            </a:extLst>
          </p:cNvPr>
          <p:cNvSpPr>
            <a:spLocks noChangeArrowheads="1"/>
          </p:cNvSpPr>
          <p:nvPr/>
        </p:nvSpPr>
        <p:spPr bwMode="auto">
          <a:xfrm>
            <a:off x="0" y="6888287"/>
            <a:ext cx="13869310" cy="1615827"/>
          </a:xfrm>
          <a:prstGeom prst="rect">
            <a:avLst/>
          </a:prstGeom>
          <a:solidFill>
            <a:srgbClr val="FFFFFF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90 day mortality: 9% vs 18%, P=0.06, 30 day mortality 5% vs 13%, P=0.048. (</a:t>
            </a:r>
            <a:r>
              <a:rPr kumimoji="0" lang="en-US" altLang="da-DK" sz="12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logistisk</a:t>
            </a:r>
            <a:r>
              <a:rPr kumimoji="0" lang="en-US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regression: </a:t>
            </a:r>
            <a:r>
              <a:rPr kumimoji="0" lang="en-US" altLang="da-DK" sz="10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Lucida Console" panose="020B0609040504020204" pitchFamily="49" charset="0"/>
                <a:ea typeface="Calibri" panose="020F0502020204030204" pitchFamily="34" charset="0"/>
                <a:cs typeface="Courier New" panose="02070309020205020404" pitchFamily="49" charset="0"/>
              </a:rPr>
              <a:t>GroupIntervention</a:t>
            </a:r>
            <a:r>
              <a:rPr kumimoji="0" lang="en-US" altLang="da-DK" sz="10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Lucida Console" panose="020B0609040504020204" pitchFamily="49" charset="0"/>
                <a:ea typeface="Calibri" panose="020F0502020204030204" pitchFamily="34" charset="0"/>
                <a:cs typeface="Courier New" panose="02070309020205020404" pitchFamily="49" charset="0"/>
              </a:rPr>
              <a:t> 0.352227 0.109329 0.9758   0.05632 )</a:t>
            </a:r>
            <a:r>
              <a:rPr kumimoji="0" lang="da-DK" altLang="da-DK" sz="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</a:rPr>
              <a:t> </a:t>
            </a:r>
            <a:endParaRPr kumimoji="0" lang="da-DK" altLang="da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da-DK" sz="1200" b="1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Quality of life</a:t>
            </a:r>
            <a:br>
              <a:rPr kumimoji="0" lang="en-US" altLang="da-DK" sz="1200" b="1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</a:br>
            <a:r>
              <a:rPr kumimoji="0" lang="en-US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90 days: mean 62.5 vs 60.7, P=0.70</a:t>
            </a:r>
            <a:br>
              <a:rPr kumimoji="0" lang="en-US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</a:br>
            <a:r>
              <a:rPr kumimoji="0" lang="en-US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30 days: mean 60.2 vs 53.3 P=0.107</a:t>
            </a:r>
            <a:endParaRPr kumimoji="0" lang="da-DK" altLang="da-DK" sz="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Ingen forskel I </a:t>
            </a:r>
            <a:r>
              <a:rPr kumimoji="0" lang="da-DK" altLang="da-DK" sz="12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handgrib</a:t>
            </a:r>
            <a:r>
              <a:rPr kumimoji="0" lang="da-DK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, RJS, TUG, </a:t>
            </a:r>
            <a:r>
              <a:rPr kumimoji="0" lang="da-DK" altLang="da-DK" sz="12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knæektension</a:t>
            </a:r>
            <a:r>
              <a:rPr kumimoji="0" lang="da-DK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, </a:t>
            </a:r>
            <a:endParaRPr kumimoji="0" lang="da-DK" altLang="da-DK" sz="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GT laver </a:t>
            </a:r>
            <a:r>
              <a:rPr kumimoji="0" lang="da-DK" altLang="da-DK" sz="12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medicinændriger</a:t>
            </a:r>
            <a:r>
              <a:rPr kumimoji="0" lang="da-DK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i 82.4%, Faldudredning (ombestemmer) i 33.8%, starter osteoporose i 32.9%</a:t>
            </a:r>
            <a:endParaRPr kumimoji="0" lang="da-DK" altLang="da-DK" sz="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altLang="da-DK" sz="1200" b="1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Per protocol analyses</a:t>
            </a:r>
            <a:r>
              <a:rPr kumimoji="0" lang="en-US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(patients alive and received the intervention, 85 </a:t>
            </a:r>
            <a:r>
              <a:rPr kumimoji="0" lang="en-US" altLang="da-DK" sz="1200" b="0" i="0" u="none" strike="noStrike" cap="none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internvention</a:t>
            </a:r>
            <a:r>
              <a:rPr kumimoji="0" lang="en-US" altLang="da-DK" sz="1200" b="0" i="0" u="none" strike="noStrike" cap="none" normalizeH="0" baseline="0" dirty="0">
                <a:ln>
                  <a:noFill/>
                </a:ln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, 96 control):, mortality within 90 days: 7 (8.2) vs 14 (14.6%), P=0.18, 30-day mortality 3 (3.5%) vs. 9 (9.4%), P=0.11.</a:t>
            </a:r>
            <a:endParaRPr kumimoji="0" lang="da-DK" altLang="da-DK" sz="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altLang="da-DK" sz="18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</a:endParaRPr>
          </a:p>
        </p:txBody>
      </p:sp>
      <p:sp>
        <p:nvSpPr>
          <p:cNvPr id="16" name="Titel 4">
            <a:extLst>
              <a:ext uri="{FF2B5EF4-FFF2-40B4-BE49-F238E27FC236}">
                <a16:creationId xmlns:a16="http://schemas.microsoft.com/office/drawing/2014/main" id="{EF368DC5-45E5-4FF0-AF2C-B46B88C26C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24969" y="738516"/>
            <a:ext cx="5209234" cy="826910"/>
          </a:xfrm>
        </p:spPr>
        <p:txBody>
          <a:bodyPr/>
          <a:lstStyle/>
          <a:p>
            <a:r>
              <a:rPr lang="da-DK" sz="4400" dirty="0"/>
              <a:t>RESULTATER</a:t>
            </a:r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DDD9CA24-AF4D-4EBE-978E-FE6CA6F6D9A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0999" y="333374"/>
            <a:ext cx="8049859" cy="5591175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75A1027B-A382-4EDE-91FA-4526AED860F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1345" y="4668387"/>
            <a:ext cx="8296275" cy="1914525"/>
          </a:xfrm>
          <a:prstGeom prst="rect">
            <a:avLst/>
          </a:prstGeom>
        </p:spPr>
      </p:pic>
      <p:sp>
        <p:nvSpPr>
          <p:cNvPr id="14" name="Ellipse 13">
            <a:extLst>
              <a:ext uri="{FF2B5EF4-FFF2-40B4-BE49-F238E27FC236}">
                <a16:creationId xmlns:a16="http://schemas.microsoft.com/office/drawing/2014/main" id="{A6BDFCBD-CC4F-4C74-8243-0937EC0FC5D0}"/>
              </a:ext>
            </a:extLst>
          </p:cNvPr>
          <p:cNvSpPr/>
          <p:nvPr/>
        </p:nvSpPr>
        <p:spPr>
          <a:xfrm>
            <a:off x="4223792" y="4811685"/>
            <a:ext cx="3234996" cy="561531"/>
          </a:xfrm>
          <a:prstGeom prst="ellipse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287408350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CD4787D-41F3-4C9F-AB0E-9AE9F35E0A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1DBE8A3-BC8F-4A76-A374-D21D6477AD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D33994E-1180-480C-A7B9-287060B6D1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F2CD200D-5B3E-4FD2-A05B-635C80DA37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11" name="Pladsholder til billede 5">
            <a:extLst>
              <a:ext uri="{FF2B5EF4-FFF2-40B4-BE49-F238E27FC236}">
                <a16:creationId xmlns:a16="http://schemas.microsoft.com/office/drawing/2014/main" id="{D9E7C80C-AD7C-4981-99DF-4D34FED5A4A2}"/>
              </a:ext>
            </a:extLst>
          </p:cNvPr>
          <p:cNvSpPr txBox="1">
            <a:spLocks/>
          </p:cNvSpPr>
          <p:nvPr/>
        </p:nvSpPr>
        <p:spPr>
          <a:xfrm>
            <a:off x="7461469" y="-33727"/>
            <a:ext cx="4723729" cy="6857447"/>
          </a:xfrm>
          <a:prstGeom prst="rect">
            <a:avLst/>
          </a:prstGeom>
        </p:spPr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A60B04EB-2A4E-477F-B0CD-1A2F009A6A9A}"/>
              </a:ext>
            </a:extLst>
          </p:cNvPr>
          <p:cNvSpPr>
            <a:spLocks noGrp="1"/>
          </p:cNvSpPr>
          <p:nvPr>
            <p:ph sz="quarter" idx="17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158036ED-40D9-4B13-B6C3-4F28A4E59EE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334013" y="0"/>
            <a:ext cx="4851185" cy="6858000"/>
          </a:xfrm>
          <a:prstGeom prst="rect">
            <a:avLst/>
          </a:prstGeom>
        </p:spPr>
      </p:pic>
      <p:sp>
        <p:nvSpPr>
          <p:cNvPr id="5" name="Ellipse 4">
            <a:extLst>
              <a:ext uri="{FF2B5EF4-FFF2-40B4-BE49-F238E27FC236}">
                <a16:creationId xmlns:a16="http://schemas.microsoft.com/office/drawing/2014/main" id="{25670EA4-3A33-3AF8-DC42-27E2574AF013}"/>
              </a:ext>
            </a:extLst>
          </p:cNvPr>
          <p:cNvSpPr/>
          <p:nvPr/>
        </p:nvSpPr>
        <p:spPr>
          <a:xfrm>
            <a:off x="1266738" y="117446"/>
            <a:ext cx="2994869" cy="436227"/>
          </a:xfrm>
          <a:prstGeom prst="ellipse">
            <a:avLst/>
          </a:prstGeom>
          <a:solidFill>
            <a:schemeClr val="accent5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accent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01200602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 H PowerPoint Skabelon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1_REGION H PowerPoint Skabelon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3.xml><?xml version="1.0" encoding="utf-8"?>
<a:theme xmlns:a="http://schemas.openxmlformats.org/drawingml/2006/main" name="REGION H Hospital PowerPoint Skabelon_DKfinal">
  <a:themeElements>
    <a:clrScheme name="Region Hovedstaden Blå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86CC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4.xml><?xml version="1.0" encoding="utf-8"?>
<a:theme xmlns:a="http://schemas.openxmlformats.org/drawingml/2006/main" name="1_REGION H Hospital PowerPoint Skabelon_DKfinal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19A5EA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5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8211335961732742","enableDocumentContentUpdater":true,"version":"1.3"}]]></TemplafySlideTemplateConfiguration>
</file>

<file path=customXml/item10.xml><?xml version="1.0" encoding="utf-8"?>
<TemplafyTemplateConfiguration><![CDATA[{"elementsMetadata":[{"type":"shape","id":"a4a63055-971a-4153-a782-2b43c7c834c4","elementConfiguration":{"inheritDimensions":"inheritNone","width":"6.05 cm","height":"1.9 cm","binding":"UserProfile.EkstraLogo.ExtraLogoSix_PP_DCU_{{DocumentLanguage}}","disableUpdates":false,"type":"image"}},{"type":"shape","id":"39a49eab-4542-411d-9071-80e9114e72be","elementConfiguration":{"inheritDimensions":"inheritNone","width":"3.68 cm","height":"1.17 cm","binding":"UserProfile.EkstraLogo.ExtraLogoPPDCU_{{DocumentLanguage}}","disableUpdates":false,"type":"image"}},{"type":"shape","id":"a2a16516-0e58-4f91-b3bd-f0998e09a3ff","elementConfiguration":{"binding":"Form.PresentationTitle","disableUpdates":false,"type":"text"}},{"type":"shape","id":"d193c474-e008-477c-8aeb-801ae5d5e269","elementConfiguration":{"binding":"UserProfile.Name","visibility":{"action":"hide","binding":"Form.Manuel_dato","operator":"notEquals","compareValue":""},"disableUpdates":false,"type":"text"}},{"type":"shape","id":"420f35be-8ec6-4df9-8110-e2a9c53581e3","elementConfiguration":{"binding":"Form.Manuel_dato","visibility":{"action":"hide","operator":"equals","compareValue":""},"disableUpdates":false,"type":"text"}},{"type":"shape","id":"94426a49-1aa1-4680-b90a-1dbef84ddfad","elementConfiguration":{"binding":"UserProfile.Office.Virksomhed_{{DocumentLanguage}}","disableUpdates":false,"type":"text"}},{"type":"shape","id":"02e024e5-4fff-476e-a157-46b0fbf7bfb9","elementConfiguration":{"binding":"UserProfile.CenterFreeText","visibility":{"action":"hide","binding":"UserProfile.Centers.CenterUI","operator":"notEquals","compareValue":"Intet valgt"},"disableUpdates":false,"type":"text"}},{"type":"shape","id":"baddd43c-ccbe-4f07-a090-d102a19e5748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bffc4d6a-cf60-4a88-8db6-cbcb503086fe","elementConfiguration":{"inheritDimensions":"inheritWidth","width":"1.91 cm","binding":"UserProfile.Office.LogoH_PP_DCU","disableUpdates":false,"type":"image"}},{"type":"shape","id":"e0881a7d-8ac8-491c-9b52-2686eecd6fc6","elementConfiguration":{"inheritDimensions":"inheritNone","width":"6.05 cm","height":"1.9 cm","binding":"UserProfile.EkstraLogo.ExtraLogoSix_PP_DCU_{{DocumentLanguage}}","disableUpdates":false,"type":"image"}},{"type":"shape","id":"b315e8a2-b5df-4b55-a676-be4fb5d4ca2e","elementConfiguration":{"inheritDimensions":"inheritNone","width":"3.68 cm","height":"1.17 cm","binding":"UserProfile.EkstraLogo.ExtraLogoPPDCU_{{DocumentLanguage}}","disableUpdates":false,"type":"image"}},{"type":"shape","id":"7bb89720-2d9f-4ffc-9716-96077602d46a","elementConfiguration":{"binding":"Form.PresentationTitle","disableUpdates":false,"type":"text"}},{"type":"shape","id":"a08337dd-ccdd-4aca-8e37-dcdf6028b397","elementConfiguration":{"binding":"UserProfile.Name","visibility":{"action":"hide","binding":"Form.Manuel_dato","operator":"notEquals","compareValue":""},"disableUpdates":false,"type":"text"}},{"type":"shape","id":"97a73570-3edd-40e2-859f-fa0ad512adba","elementConfiguration":{"binding":"Form.Manuel_dato","visibility":{"action":"hide","operator":"equals","compareValue":""},"disableUpdates":false,"type":"text"}},{"type":"shape","id":"bd19b99a-33f7-428b-b19f-d7869a57f4ea","elementConfiguration":{"binding":"UserProfile.Office.Virksomhed_{{DocumentLanguage}}","disableUpdates":false,"type":"text"}},{"type":"shape","id":"c6203039-2ff4-449d-86cf-a1fd34da7094","elementConfiguration":{"binding":"UserProfile.CenterFreeText","visibility":{"action":"hide","binding":"UserProfile.Centers.CenterUI","operator":"notEquals","compareValue":"Intet valgt"},"disableUpdates":false,"type":"text"}},{"type":"shape","id":"80d900cc-bb37-4714-9be0-70b1183baad9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38b133ee-921b-46e4-bc3b-4e609660e84b","elementConfiguration":{"inheritDimensions":"inheritWidth","width":"1.91 cm","binding":"UserProfile.Office.LogoH_PP_DCU","disableUpdates":false,"type":"image"}},{"type":"shape","id":"8033010a-fdf4-4fad-b6bd-968d1eca2be4","elementConfiguration":{"inheritDimensions":"inheritWidth","width":"1.91 cm","binding":"UserProfile.Office.LogoH_PP_DCU","disableUpdates":false,"type":"image"}},{"type":"shape","id":"a73dd336-ee05-4b69-af68-53aa4dee3e6b","elementConfiguration":{"binding":"Form.PresentationTitle","disableUpdates":false,"type":"text"}},{"type":"shape","id":"695e62b7-aa37-4094-b8c4-d41404ad224e","elementConfiguration":{"binding":"UserProfile.Name","visibility":{"action":"hide","binding":"Form.Manuel_dato","operator":"notEquals","compareValue":""},"disableUpdates":false,"type":"text"}},{"type":"shape","id":"0b958bb8-e1de-40dd-acfd-c25bf2b07bd4","elementConfiguration":{"binding":"Form.Manuel_dato","visibility":{"action":"hide","operator":"equals","compareValue":""},"disableUpdates":false,"type":"text"}},{"type":"shape","id":"24eb6c5c-56d9-4566-981c-f65516f1a537","elementConfiguration":{"inheritDimensions":"inheritNone","width":"3.68 cm","height":"1.17 cm","binding":"UserProfile.EkstraLogo.ExtraLogoPPNEGDCU_{{DocumentLanguage}}","disableUpdates":false,"type":"image"}},{"type":"shape","id":"6d0d9f4f-7871-4887-bbe7-f489f5101b69","elementConfiguration":{"inheritDimensions":"inheritNone","width":"6.05 cm","height":"1.9 cm","binding":"UserProfile.EkstraLogo.ExtraLogoSixNEG_PP_DCU_{{DocumentLanguage}}","disableUpdates":false,"type":"image"}},{"type":"shape","id":"8686efc7-24af-4fa8-9501-18e5000e5e75","elementConfiguration":{"inheritDimensions":"inheritNone","width":"6.05 cm","height":"1.9 cm","binding":"UserProfile.EkstraLogo.ExtraLogoSix_PP_DCU_{{DocumentLanguage}}","disableUpdates":false,"type":"image"}},{"type":"shape","id":"80f47b6c-5f73-47a9-9dc4-b867c6f358ec","elementConfiguration":{"binding":"Form.PresentationTitle","disableUpdates":false,"type":"text"}},{"type":"shape","id":"4d04e6d3-fe00-4099-8bdf-92b65800a38b","elementConfiguration":{"binding":"UserProfile.Name","visibility":{"action":"hide","binding":"Form.Manuel_dato","operator":"notEquals","compareValue":""},"disableUpdates":false,"type":"text"}},{"type":"shape","id":"60cb7b29-cb61-4341-8cdc-4260978d3f2a","elementConfiguration":{"binding":"Form.Manuel_dato","visibility":{"action":"hide","operator":"equals","compareValue":""},"disableUpdates":false,"type":"text"}},{"type":"shape","id":"6bc96e6d-2860-4979-933b-635588ccee0b","elementConfiguration":{"inheritDimensions":"inheritNone","width":"3.68 cm","height":"1.17 cm","binding":"UserProfile.EkstraLogo.ExtraLogoPPNEGDCU_{{DocumentLanguage}}","disableUpdates":false,"type":"image"}},{"type":"shape","id":"77ede687-4d8d-4ae2-a109-ce9576b11fbf","elementConfiguration":{"binding":"UserProfile.Office.Virksomhed_{{DocumentLanguage}}","disableUpdates":false,"type":"text"}},{"type":"shape","id":"15d76d63-5345-42d0-a798-af1eb9ab83db","elementConfiguration":{"binding":"UserProfile.CenterFreeText","visibility":{"action":"hide","binding":"UserProfile.Centers.CenterUI","operator":"notEquals","compareValue":"Intet valgt"},"disableUpdates":false,"type":"text"}},{"type":"shape","id":"af838b95-b99f-4983-aa46-b8cde4844761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c6312a4a-149e-4d27-a6c5-696c2a9ce1c0","elementConfiguration":{"inheritDimensions":"inheritWidth","width":"1.91 cm","binding":"UserProfile.Office.LogoH_PP_DCU","disableUpdates":false,"type":"image"}},{"type":"shape","id":"ae398d26-4441-4b75-b542-85b20b5c7463","elementConfiguration":{"inheritDimensions":"inheritNone","width":"6.05 cm","height":"1.9 cm","binding":"UserProfile.EkstraLogo.ExtraLogoSix_PP_DCU_{{DocumentLanguage}}","disableUpdates":false,"type":"image"}},{"type":"shape","id":"c88d4356-6041-4df6-a902-cc7a886fdcf1","elementConfiguration":{"binding":"Form.PresentationTitle","disableUpdates":false,"type":"text"}},{"type":"shape","id":"b97b4f2c-64f8-40a1-a174-27225f91f573","elementConfiguration":{"inheritDimensions":"inheritNone","width":"3.68 cm","height":"1.17 cm","binding":"UserProfile.EkstraLogo.ExtraLogoPPNEGDCU_{{DocumentLanguage}}","disableUpdates":false,"type":"image"}},{"type":"shape","id":"35288944-1d84-45f6-9b55-92758690a446","elementConfiguration":{"binding":"UserProfile.Name","visibility":{"action":"hide","binding":"Form.Manuel_dato","operator":"notEquals","compareValue":""},"disableUpdates":false,"type":"text"}},{"type":"shape","id":"b141daaa-969a-4aaa-9db9-9a42c2c67c85","elementConfiguration":{"binding":"Form.Manuel_dato","visibility":{"action":"hide","operator":"equals","compareValue":""},"disableUpdates":false,"type":"text"}},{"type":"shape","id":"94b4ff8f-f326-4ea0-9a72-6861af9808b3","elementConfiguration":{"binding":"UserProfile.Office.Virksomhed_{{DocumentLanguage}}","disableUpdates":false,"type":"text"}},{"type":"shape","id":"4f474212-38fe-4ad7-bee7-e9ebbebc1e60","elementConfiguration":{"binding":"UserProfile.CenterFreeText","visibility":{"action":"hide","binding":"UserProfile.Centers.CenterUI","operator":"notEquals","compareValue":"Intet valgt"},"disableUpdates":false,"type":"text"}},{"type":"shape","id":"b22b6c03-91b8-46b5-8d77-77df52cd3af0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754ba77f-b5da-4407-8656-57c79a8ea610","elementConfiguration":{"inheritDimensions":"inheritWidth","width":"1.91 cm","binding":"UserProfile.Office.LogoH_PP_DCU","disableUpdates":false,"type":"image"}},{"type":"shape","id":"b97bf33d-37d9-47b5-8bdc-92df3bf556e5","elementConfiguration":{"inheritDimensions":"inheritWidth","width":"1.91 cm","binding":"UserProfile.Office.LogoH_PP_DCU","disableUpdates":false,"type":"image"}},{"type":"shape","id":"12b7e618-099b-4a01-a929-2cb0d8160d79","elementConfiguration":{"inheritDimensions":"inheritNone","width":"6.05 cm","height":"1.9 cm","binding":"UserProfile.EkstraLogo.ExtraLogoSixNEG_PP_DCU_{{DocumentLanguage}}","disableUpdates":false,"type":"image"}},{"type":"shape","id":"9d85681e-749c-49c4-8029-cc3feee2bebe","elementConfiguration":{"binding":"Form.PresentationTitle","disableUpdates":false,"type":"text"}},{"type":"shape","id":"a276f66a-5d41-40dc-a79a-c756db751065","elementConfiguration":{"binding":"UserProfile.Name","visibility":{"action":"hide","binding":"Form.Manuel_dato","operator":"notEquals","compareValue":""},"disableUpdates":false,"type":"text"}},{"type":"shape","id":"e3683ad2-6ad8-4fde-aa8e-d50d21fb051e","elementConfiguration":{"binding":"Form.Manuel_dato","visibility":{"action":"hide","operator":"equals","compareValue":""},"disableUpdates":false,"type":"text"}},{"type":"shape","id":"8600cc00-2448-45cc-9acd-e5eb0c1b8081","elementConfiguration":{"inheritDimensions":"inheritNone","width":"3.68 cm","height":"1.17 cm","binding":"UserProfile.EkstraLogo.ExtraLogoPPNEGDCU_{{DocumentLanguage}}","disableUpdates":false,"type":"image"}},{"type":"shape","id":"51830862-0536-4e56-90ae-fee84bc61f81","elementConfiguration":{"binding":"UserProfile.Office.Virksomhed_{{DocumentLanguage}}","disableUpdates":false,"type":"text"}},{"type":"shape","id":"18398cbd-193b-42fe-bdc3-c5095b49f3ed","elementConfiguration":{"binding":"UserProfile.CenterFreeText","visibility":{"action":"hide","binding":"UserProfile.Centers.CenterUI","operator":"notEquals","compareValue":"Intet valgt","compareValues":[""]},"disableUpdates":false,"type":"text"}},{"type":"shape","id":"8a6c59b8-c9ca-4dff-ae28-0317d0217a31","elementConfiguration":{"binding":"UserProfile.Centers.Center_{{DocumentLanguage}}","visibility":{"action":"hide","binding":"UserProfile.Centers.CenterUI","operator":"equals","compareValue":"Intet valgt"},"disableUpdates":false,"type":"text"}},{"type":"shape","id":"dd8999be-8a2f-4230-b978-4dda384fd0b2","elementConfiguration":{"inheritDimensions":"inheritWidth","width":"1.91 cm","binding":"UserProfile.Office.LogoH_PP_DCU","disableUpdates":false,"type":"image"}},{"type":"shape","id":"36afc9fd-4b81-4160-9272-db073a46b71d","elementConfiguration":{"inheritDimensions":"inheritNone","width":"6.05 cm","height":"1.9 cm","binding":"UserProfile.EkstraLogo.ExtraLogoSix_PP_DCU_{{DocumentLanguage}}","disableUpdates":false,"type":"image"}},{"type":"shape","id":"27b20f65-8ba2-42fa-b63d-968dde996dcb","elementConfiguration":{"inheritDimensions":"inheritNone","width":"3.68 cm","height":"1.17 cm","binding":"UserProfile.EkstraLogo.ExtraLogoPPDCU_{{DocumentLanguage}}","disableUpdates":false,"type":"image"}},{"type":"shape","id":"85537f41-bcbc-4774-9249-57bf650969fe","elementConfiguration":{"binding":"Form.PresentationTitle","disableUpdates":false,"type":"text"}},{"type":"shape","id":"ea9065ea-7ad5-4e67-bd7d-7656af2675ab","elementConfiguration":{"binding":"UserProfile.Name","visibility":{"action":"hide","binding":"Form.Manuel_dato","operator":"notEquals","compareValue":""},"disableUpdates":false,"type":"text"}},{"type":"shape","id":"bb229a5c-9ee4-42e9-83ad-5d405387a2ab","elementConfiguration":{"binding":"Form.Manuel_dato","visibility":{"action":"hide","operator":"equals","compareValue":""},"disableUpdates":false,"type":"text"}},{"type":"shape","id":"313a50ef-b5b1-43f4-8830-3fbb79ec8ad7","elementConfiguration":{"binding":"UserProfile.Office.Virksomhed_{{DocumentLanguage}}","disableUpdates":false,"type":"text"}},{"type":"shape","id":"1ca83e5a-0006-43da-92b9-b3a1f235adce","elementConfiguration":{"binding":"UserProfile.CenterFreeText","visibility":{"action":"hide","binding":"UserProfile.Centers.CenterUI","operator":"notEquals","compareValue":"Intet valgt"},"disableUpdates":false,"type":"text"}},{"type":"shape","id":"63a80829-494d-49a6-8da2-ad238e3d53bf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ab51f406-5e1f-4a9d-a7fa-d83b66642b4e","elementConfiguration":{"inheritDimensions":"inheritWidth","width":"1.91 cm","binding":"UserProfile.Office.LogoH_PP_DCU","disableUpdates":false,"type":"image"}},{"type":"shape","id":"c3caf340-1be4-4788-ad53-cd0ba5b62563","elementConfiguration":{"binding":"Form.PresentationTitle","disableUpdates":false,"type":"text"}},{"type":"shape","id":"c96db0a3-12c1-4c15-8c64-e6ce256918ea","elementConfiguration":{"binding":"UserProfile.Office.Virksomhed_{{DocumentLanguage}}","disableUpdates":false,"type":"text"}},{"type":"shape","id":"af5a15c6-05b1-4315-82f8-6c4ba128357a","elementConfiguration":{"binding":"UserProfile.CenterFreeText","visibility":{"action":"hide","binding":"UserProfile.Centers.CenterUI","operator":"notEquals","compareValue":"Intet valgt","compareValues":[""]},"disableUpdates":false,"type":"text"}},{"type":"shape","id":"85844513-7656-40aa-949a-dea4ada31c33","elementConfiguration":{"binding":"UserProfile.Centers.Center_{{DocumentLanguage}}","visibility":{"action":"hide","binding":"UserProfile.Centers.CenterUI","operator":"equals","compareValue":"Intet valgt"},"disableUpdates":false,"type":"text"}},{"type":"shape","id":"27c1e5a0-fdcb-4f0f-8524-da39351347fb","elementConfiguration":{"inheritDimensions":"inheritWidth","width":"1.91 cm","binding":"UserProfile.Office.LogoH_PP_DCU","disableUpdates":false,"type":"image"}},{"type":"shape","id":"b61d8fda-c831-4421-9223-1b861fafda37","elementConfiguration":{"inheritDimensions":"inheritNone","width":"6.05 cm","height":"1.9 cm","binding":"UserProfile.EkstraLogo.ExtraLogoSix_PP_DCU_{{DocumentLanguage}}","disableUpdates":false,"type":"image"}},{"type":"shape","id":"45f78145-74a6-48bb-a750-eb9ed699130f","elementConfiguration":{"inheritDimensions":"inheritNone","width":"3.68 cm","height":"1.17 cm","binding":"UserProfile.EkstraLogo.ExtraLogoPPDCU_{{DocumentLanguage}}","disableUpdates":false,"type":"image"}},{"type":"shape","id":"408ed52f-0fe7-4550-a519-4760842ba231","elementConfiguration":{"binding":"Form.PresentationTitle","disableUpdates":false,"type":"text"}},{"type":"shape","id":"907e693b-46f2-4fd4-a613-08bd3f8323ed","elementConfiguration":{"binding":"UserProfile.Name","visibility":{"action":"hide","binding":"Form.Manuel_dato","operator":"notEquals","compareValue":""},"disableUpdates":false,"type":"text"}},{"type":"shape","id":"d715f124-85b4-4e0c-87b2-1f79bf7a84de","elementConfiguration":{"binding":"Form.Manuel_dato","visibility":{"action":"hide","operator":"equals","compareValue":""},"disableUpdates":false,"type":"text"}},{"type":"shape","id":"ddee8dde-d2dd-42fb-9346-bcb30946e644","elementConfiguration":{"binding":"UserProfile.Office.Virksomhed_{{DocumentLanguage}}","disableUpdates":false,"type":"text"}},{"type":"shape","id":"ea4c597f-fead-47a2-af7e-26ad05e2ae76","elementConfiguration":{"binding":"UserProfile.CenterFreeText","visibility":{"action":"hide","binding":"UserProfile.Centers.CenterUI","operator":"notEquals","compareValue":"Intet valgt"},"disableUpdates":false,"type":"text"}},{"type":"shape","id":"6d7e9ced-43e8-4ece-b46e-96dd1c9b1ca3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172ade11-9174-4c3e-9ef7-7cdfe1c3a4f4","elementConfiguration":{"inheritDimensions":"inheritWidth","width":"1.91 cm","binding":"UserProfile.Office.LogoH_PP_DCU","disableUpdates":false,"type":"image"}},{"type":"shape","id":"6bd99b76-8680-4f8e-a00c-82cd413f3e62","elementConfiguration":{"inheritDimensions":"inheritNone","width":"6.05 cm","height":"1.9 cm","binding":"UserProfile.EkstraLogo.ExtraLogoSixNEG_PP_DCU_{{DocumentLanguage}}","disableUpdates":false,"type":"image"}},{"type":"shape","id":"9a92641d-bfd9-4c7c-ae9a-4603afc87d93","elementConfiguration":{"binding":"Form.PresentationTitle","disableUpdates":false,"type":"text"}},{"type":"shape","id":"c96a9419-0e49-40e6-8692-87967ac59269","elementConfiguration":{"binding":"UserProfile.Name","visibility":{"action":"hide","binding":"Form.Manuel_dato","operator":"notEquals","compareValue":""},"disableUpdates":false,"type":"text"}},{"type":"shape","id":"33a11270-00eb-42be-936b-8be4d533b310","elementConfiguration":{"binding":"Form.Manuel_dato","visibility":{"action":"hide","operator":"equals","compareValue":""},"disableUpdates":false,"type":"text"}},{"type":"shape","id":"8ddb3e2b-ae23-464f-a7bf-6b7e940a5b74","elementConfiguration":{"inheritDimensions":"inheritNone","width":"3.68 cm","height":"1.17 cm","binding":"UserProfile.EkstraLogo.ExtraLogoPPNEGDCU_{{DocumentLanguage}}","disableUpdates":false,"type":"image"}},{"type":"shape","id":"377d1c72-b049-4b11-9e66-660a83b52683","elementConfiguration":{"binding":"UserProfile.Office.Virksomhed_{{DocumentLanguage}}","disableUpdates":false,"type":"text"}},{"type":"shape","id":"2778ea99-887c-4a7d-bee2-3d00a52ae38e","elementConfiguration":{"binding":"UserProfile.CenterFreeText","visibility":{"action":"hide","binding":"UserProfile.Centers.CenterUI","operator":"notEquals","compareValue":"Intet valgt","compareValues":[""]},"disableUpdates":false,"type":"text"}},{"type":"shape","id":"f3dbc2b8-a705-417a-b6b2-dfda6a9c5772","elementConfiguration":{"binding":"UserProfile.Centers.Center_{{DocumentLanguage}}","visibility":{"action":"hide","binding":"UserProfile.Centers.CenterUI","operator":"equals","compareValue":"Intet valgt"},"disableUpdates":false,"type":"text"}},{"type":"shape","id":"ddef0933-ac9f-49b6-a038-f6bdef244d03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8162111424633335","enableDocumentContentUpdater":true,"version":"1.3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8211335962826521","enableDocumentContentUpdater":true,"version":"1.3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8211335962357759","enableDocumentContentUpdater":true,"version":"1.3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8211335962045245","enableDocumentContentUpdater":true,"version":"1.3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8162111427289700","enableDocumentContentUpdater":true,"version":"1.3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8211335964076568","enableDocumentContentUpdater":true,"version":"1.3"}]]></TemplafySlideTemplate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8211335964389074","enableDocumentContentUpdater":true,"version":"1.3"}]]></TemplafySlideTemplateConfiguration>
</file>

<file path=customXml/item29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8211335962670252","enableDocumentContentUpdater":true,"version":"1.3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documentContentValidatorConfiguration":{"enableDocumentContentValidator":false,"documentContentValidatorVersion":0},"elementsMetadata":[],"slideId":"638211335962045245","enableDocumentContentUpdater":true,"version":"1.3"}]]></TemplafySlideTemplate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8211335964545337","enableDocumentContentUpdater":true,"version":"1.3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8211335962045245","enableDocumentContentUpdater":true,"version":"1.3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documentContentValidatorConfiguration":{"enableDocumentContentValidator":false,"documentContentValidatorVersion":0},"elementsMetadata":[],"slideId":"638211335964857839","enableDocumentContentUpdater":true,"version":"1.3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8211335962045245","enableDocumentContentUpdater":true,"version":"1.3"}]]></TemplafySlideTemplateConfiguration>
</file>

<file path=customXml/item40.xml><?xml version="1.0" encoding="utf-8"?>
<TemplafySlideTemplateConfiguration><![CDATA[{"documentContentValidatorConfiguration":{"enableDocumentContentValidator":false,"documentContentValidatorVersion":0},"elementsMetadata":[],"slideId":"638162111425883511","enableDocumentContentUpdater":true,"version":"1.3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8211335964232822","enableDocumentContentUpdater":true,"version":"1.3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8162111427289700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8162111424945870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E8CA4EF-3E3B-4264-A8B7-817DBC452C77}">
  <ds:schemaRefs/>
</ds:datastoreItem>
</file>

<file path=customXml/itemProps10.xml><?xml version="1.0" encoding="utf-8"?>
<ds:datastoreItem xmlns:ds="http://schemas.openxmlformats.org/officeDocument/2006/customXml" ds:itemID="{978984FF-6C25-4FD4-85EA-2F9586C8CA61}">
  <ds:schemaRefs/>
</ds:datastoreItem>
</file>

<file path=customXml/itemProps11.xml><?xml version="1.0" encoding="utf-8"?>
<ds:datastoreItem xmlns:ds="http://schemas.openxmlformats.org/officeDocument/2006/customXml" ds:itemID="{3FDD76B3-8DCE-4F66-9865-41185F69EF10}">
  <ds:schemaRefs/>
</ds:datastoreItem>
</file>

<file path=customXml/itemProps12.xml><?xml version="1.0" encoding="utf-8"?>
<ds:datastoreItem xmlns:ds="http://schemas.openxmlformats.org/officeDocument/2006/customXml" ds:itemID="{C3179029-E259-48BA-A880-C4319617920A}">
  <ds:schemaRefs/>
</ds:datastoreItem>
</file>

<file path=customXml/itemProps13.xml><?xml version="1.0" encoding="utf-8"?>
<ds:datastoreItem xmlns:ds="http://schemas.openxmlformats.org/officeDocument/2006/customXml" ds:itemID="{4CF60CBE-A81E-469D-A578-92EFE4A4D398}">
  <ds:schemaRefs/>
</ds:datastoreItem>
</file>

<file path=customXml/itemProps14.xml><?xml version="1.0" encoding="utf-8"?>
<ds:datastoreItem xmlns:ds="http://schemas.openxmlformats.org/officeDocument/2006/customXml" ds:itemID="{9512CB5E-4E20-4C2B-BC8B-D4E0438A535A}">
  <ds:schemaRefs/>
</ds:datastoreItem>
</file>

<file path=customXml/itemProps15.xml><?xml version="1.0" encoding="utf-8"?>
<ds:datastoreItem xmlns:ds="http://schemas.openxmlformats.org/officeDocument/2006/customXml" ds:itemID="{026957DE-A263-4C3E-96D4-107DEBA1D471}">
  <ds:schemaRefs/>
</ds:datastoreItem>
</file>

<file path=customXml/itemProps16.xml><?xml version="1.0" encoding="utf-8"?>
<ds:datastoreItem xmlns:ds="http://schemas.openxmlformats.org/officeDocument/2006/customXml" ds:itemID="{CBEB97E1-3657-4D4D-9A7A-E5D4DBF82E84}">
  <ds:schemaRefs/>
</ds:datastoreItem>
</file>

<file path=customXml/itemProps17.xml><?xml version="1.0" encoding="utf-8"?>
<ds:datastoreItem xmlns:ds="http://schemas.openxmlformats.org/officeDocument/2006/customXml" ds:itemID="{79FFF025-361B-4650-BF10-3772F49D67B8}">
  <ds:schemaRefs/>
</ds:datastoreItem>
</file>

<file path=customXml/itemProps18.xml><?xml version="1.0" encoding="utf-8"?>
<ds:datastoreItem xmlns:ds="http://schemas.openxmlformats.org/officeDocument/2006/customXml" ds:itemID="{6FE2D7E4-B696-4006-8892-9409D8387B39}">
  <ds:schemaRefs/>
</ds:datastoreItem>
</file>

<file path=customXml/itemProps19.xml><?xml version="1.0" encoding="utf-8"?>
<ds:datastoreItem xmlns:ds="http://schemas.openxmlformats.org/officeDocument/2006/customXml" ds:itemID="{8131C1EA-7687-46FD-9CD0-747DC8A645E9}">
  <ds:schemaRefs/>
</ds:datastoreItem>
</file>

<file path=customXml/itemProps2.xml><?xml version="1.0" encoding="utf-8"?>
<ds:datastoreItem xmlns:ds="http://schemas.openxmlformats.org/officeDocument/2006/customXml" ds:itemID="{5444C8D5-C246-4AEB-AABF-565CA54ECDC5}">
  <ds:schemaRefs/>
</ds:datastoreItem>
</file>

<file path=customXml/itemProps20.xml><?xml version="1.0" encoding="utf-8"?>
<ds:datastoreItem xmlns:ds="http://schemas.openxmlformats.org/officeDocument/2006/customXml" ds:itemID="{F8C70F6D-5A37-440F-B5DD-2F3EC2472A9E}">
  <ds:schemaRefs/>
</ds:datastoreItem>
</file>

<file path=customXml/itemProps21.xml><?xml version="1.0" encoding="utf-8"?>
<ds:datastoreItem xmlns:ds="http://schemas.openxmlformats.org/officeDocument/2006/customXml" ds:itemID="{240D705B-94E2-4FD3-86A8-20CDFE0BC126}">
  <ds:schemaRefs/>
</ds:datastoreItem>
</file>

<file path=customXml/itemProps22.xml><?xml version="1.0" encoding="utf-8"?>
<ds:datastoreItem xmlns:ds="http://schemas.openxmlformats.org/officeDocument/2006/customXml" ds:itemID="{AE05F3DA-5DF0-4E1F-A142-AC06AF09ED58}">
  <ds:schemaRefs/>
</ds:datastoreItem>
</file>

<file path=customXml/itemProps23.xml><?xml version="1.0" encoding="utf-8"?>
<ds:datastoreItem xmlns:ds="http://schemas.openxmlformats.org/officeDocument/2006/customXml" ds:itemID="{8100465B-6918-42AC-B98B-1B0D90572277}">
  <ds:schemaRefs/>
</ds:datastoreItem>
</file>

<file path=customXml/itemProps24.xml><?xml version="1.0" encoding="utf-8"?>
<ds:datastoreItem xmlns:ds="http://schemas.openxmlformats.org/officeDocument/2006/customXml" ds:itemID="{262330D0-72AE-4113-AEEA-627C068177A3}">
  <ds:schemaRefs/>
</ds:datastoreItem>
</file>

<file path=customXml/itemProps25.xml><?xml version="1.0" encoding="utf-8"?>
<ds:datastoreItem xmlns:ds="http://schemas.openxmlformats.org/officeDocument/2006/customXml" ds:itemID="{FE7F2621-E530-4A3F-93AE-A70AC4BE14B4}">
  <ds:schemaRefs/>
</ds:datastoreItem>
</file>

<file path=customXml/itemProps26.xml><?xml version="1.0" encoding="utf-8"?>
<ds:datastoreItem xmlns:ds="http://schemas.openxmlformats.org/officeDocument/2006/customXml" ds:itemID="{4B3C68D3-0833-49FB-BBDE-F926C2E8AB55}">
  <ds:schemaRefs/>
</ds:datastoreItem>
</file>

<file path=customXml/itemProps27.xml><?xml version="1.0" encoding="utf-8"?>
<ds:datastoreItem xmlns:ds="http://schemas.openxmlformats.org/officeDocument/2006/customXml" ds:itemID="{8FF423A2-6938-4C36-A79A-55155BE6B46A}">
  <ds:schemaRefs/>
</ds:datastoreItem>
</file>

<file path=customXml/itemProps28.xml><?xml version="1.0" encoding="utf-8"?>
<ds:datastoreItem xmlns:ds="http://schemas.openxmlformats.org/officeDocument/2006/customXml" ds:itemID="{83D1AF27-ED95-4FB4-99CE-186987D4852B}">
  <ds:schemaRefs/>
</ds:datastoreItem>
</file>

<file path=customXml/itemProps29.xml><?xml version="1.0" encoding="utf-8"?>
<ds:datastoreItem xmlns:ds="http://schemas.openxmlformats.org/officeDocument/2006/customXml" ds:itemID="{B0D2E709-FA3C-4E2D-A1F5-DD257C406372}">
  <ds:schemaRefs/>
</ds:datastoreItem>
</file>

<file path=customXml/itemProps3.xml><?xml version="1.0" encoding="utf-8"?>
<ds:datastoreItem xmlns:ds="http://schemas.openxmlformats.org/officeDocument/2006/customXml" ds:itemID="{426A5DE6-279E-4BAB-AE39-0246A47C0A7E}">
  <ds:schemaRefs/>
</ds:datastoreItem>
</file>

<file path=customXml/itemProps30.xml><?xml version="1.0" encoding="utf-8"?>
<ds:datastoreItem xmlns:ds="http://schemas.openxmlformats.org/officeDocument/2006/customXml" ds:itemID="{BBBCA9E7-3CA3-4D50-99DB-F2203F0B9D46}">
  <ds:schemaRefs/>
</ds:datastoreItem>
</file>

<file path=customXml/itemProps31.xml><?xml version="1.0" encoding="utf-8"?>
<ds:datastoreItem xmlns:ds="http://schemas.openxmlformats.org/officeDocument/2006/customXml" ds:itemID="{BE8F26EB-1153-4B98-AAC3-D117DA0F337D}">
  <ds:schemaRefs/>
</ds:datastoreItem>
</file>

<file path=customXml/itemProps32.xml><?xml version="1.0" encoding="utf-8"?>
<ds:datastoreItem xmlns:ds="http://schemas.openxmlformats.org/officeDocument/2006/customXml" ds:itemID="{E694A458-CD7C-4942-8899-E2F779ED696B}">
  <ds:schemaRefs/>
</ds:datastoreItem>
</file>

<file path=customXml/itemProps33.xml><?xml version="1.0" encoding="utf-8"?>
<ds:datastoreItem xmlns:ds="http://schemas.openxmlformats.org/officeDocument/2006/customXml" ds:itemID="{AA7062A8-D5C6-4B6E-9931-610CC3889AF7}">
  <ds:schemaRefs/>
</ds:datastoreItem>
</file>

<file path=customXml/itemProps34.xml><?xml version="1.0" encoding="utf-8"?>
<ds:datastoreItem xmlns:ds="http://schemas.openxmlformats.org/officeDocument/2006/customXml" ds:itemID="{9E91C286-3290-4F33-929F-3ADA19C6840E}">
  <ds:schemaRefs/>
</ds:datastoreItem>
</file>

<file path=customXml/itemProps35.xml><?xml version="1.0" encoding="utf-8"?>
<ds:datastoreItem xmlns:ds="http://schemas.openxmlformats.org/officeDocument/2006/customXml" ds:itemID="{8684F665-CA13-4CB3-8591-139CA7A8FC29}">
  <ds:schemaRefs/>
</ds:datastoreItem>
</file>

<file path=customXml/itemProps36.xml><?xml version="1.0" encoding="utf-8"?>
<ds:datastoreItem xmlns:ds="http://schemas.openxmlformats.org/officeDocument/2006/customXml" ds:itemID="{AC83BB91-70AF-4372-B488-F6F658E99B99}">
  <ds:schemaRefs/>
</ds:datastoreItem>
</file>

<file path=customXml/itemProps37.xml><?xml version="1.0" encoding="utf-8"?>
<ds:datastoreItem xmlns:ds="http://schemas.openxmlformats.org/officeDocument/2006/customXml" ds:itemID="{1C224FCF-6B77-4111-A2C9-830A4AF28BEC}">
  <ds:schemaRefs/>
</ds:datastoreItem>
</file>

<file path=customXml/itemProps38.xml><?xml version="1.0" encoding="utf-8"?>
<ds:datastoreItem xmlns:ds="http://schemas.openxmlformats.org/officeDocument/2006/customXml" ds:itemID="{CAE25569-B359-4F2E-ABAE-D48E46F9FCB7}">
  <ds:schemaRefs/>
</ds:datastoreItem>
</file>

<file path=customXml/itemProps39.xml><?xml version="1.0" encoding="utf-8"?>
<ds:datastoreItem xmlns:ds="http://schemas.openxmlformats.org/officeDocument/2006/customXml" ds:itemID="{0E3EDAB2-4837-4BF9-BCED-BA80B65D4861}">
  <ds:schemaRefs/>
</ds:datastoreItem>
</file>

<file path=customXml/itemProps4.xml><?xml version="1.0" encoding="utf-8"?>
<ds:datastoreItem xmlns:ds="http://schemas.openxmlformats.org/officeDocument/2006/customXml" ds:itemID="{EC8EF4D4-D057-476E-BD5B-F77B8DBE7953}">
  <ds:schemaRefs/>
</ds:datastoreItem>
</file>

<file path=customXml/itemProps40.xml><?xml version="1.0" encoding="utf-8"?>
<ds:datastoreItem xmlns:ds="http://schemas.openxmlformats.org/officeDocument/2006/customXml" ds:itemID="{7203D987-BACE-47DC-B202-4D04CB23F76F}">
  <ds:schemaRefs/>
</ds:datastoreItem>
</file>

<file path=customXml/itemProps5.xml><?xml version="1.0" encoding="utf-8"?>
<ds:datastoreItem xmlns:ds="http://schemas.openxmlformats.org/officeDocument/2006/customXml" ds:itemID="{8D157329-0EE1-48DD-9456-F2C559A95ACE}">
  <ds:schemaRefs/>
</ds:datastoreItem>
</file>

<file path=customXml/itemProps6.xml><?xml version="1.0" encoding="utf-8"?>
<ds:datastoreItem xmlns:ds="http://schemas.openxmlformats.org/officeDocument/2006/customXml" ds:itemID="{E5731CAB-8E44-4D26-819E-7147C50CB180}">
  <ds:schemaRefs/>
</ds:datastoreItem>
</file>

<file path=customXml/itemProps7.xml><?xml version="1.0" encoding="utf-8"?>
<ds:datastoreItem xmlns:ds="http://schemas.openxmlformats.org/officeDocument/2006/customXml" ds:itemID="{C3E11E2B-D8BD-4C8F-8A73-165B6B947001}">
  <ds:schemaRefs/>
</ds:datastoreItem>
</file>

<file path=customXml/itemProps8.xml><?xml version="1.0" encoding="utf-8"?>
<ds:datastoreItem xmlns:ds="http://schemas.openxmlformats.org/officeDocument/2006/customXml" ds:itemID="{E25E2EAB-5755-46F8-8B87-3E93599F92BB}">
  <ds:schemaRefs/>
</ds:datastoreItem>
</file>

<file path=customXml/itemProps9.xml><?xml version="1.0" encoding="utf-8"?>
<ds:datastoreItem xmlns:ds="http://schemas.openxmlformats.org/officeDocument/2006/customXml" ds:itemID="{6135DD6B-13F6-4084-9A83-74BCD2DA0A5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784</Words>
  <Application>Microsoft Office PowerPoint</Application>
  <PresentationFormat>Widescreen</PresentationFormat>
  <Paragraphs>194</Paragraphs>
  <Slides>57</Slides>
  <Notes>0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4</vt:i4>
      </vt:variant>
      <vt:variant>
        <vt:lpstr>Slidetitler</vt:lpstr>
      </vt:variant>
      <vt:variant>
        <vt:i4>57</vt:i4>
      </vt:variant>
    </vt:vector>
  </HeadingPairs>
  <TitlesOfParts>
    <vt:vector size="65" baseType="lpstr">
      <vt:lpstr>Arial</vt:lpstr>
      <vt:lpstr>Georgia</vt:lpstr>
      <vt:lpstr>Lucida Console</vt:lpstr>
      <vt:lpstr>Roboto Slab</vt:lpstr>
      <vt:lpstr>REGION H PowerPoint Skabelon</vt:lpstr>
      <vt:lpstr>1_REGION H PowerPoint Skabelon</vt:lpstr>
      <vt:lpstr>REGION H Hospital PowerPoint Skabelon_DKfinal</vt:lpstr>
      <vt:lpstr>1_REGION H Hospital PowerPoint Skabelon_DKfinal</vt:lpstr>
      <vt:lpstr>Delir og brug af antipsykotika </vt:lpstr>
      <vt:lpstr>VIGTIGE  POINTER</vt:lpstr>
      <vt:lpstr>Forekomst</vt:lpstr>
      <vt:lpstr>PowerPoint-præsentation</vt:lpstr>
      <vt:lpstr>PowerPoint-præsentation</vt:lpstr>
      <vt:lpstr>PowerPoint-præsentation</vt:lpstr>
      <vt:lpstr>PowerPoint-præsentation</vt:lpstr>
      <vt:lpstr>RESULTATER</vt:lpstr>
      <vt:lpstr>PowerPoint-præsentation</vt:lpstr>
      <vt:lpstr>PowerPoint-præsentation</vt:lpstr>
      <vt:lpstr>Forebyggelse</vt:lpstr>
      <vt:lpstr>PowerPoint-præsentation</vt:lpstr>
      <vt:lpstr>Håndtering</vt:lpstr>
      <vt:lpstr>Delir blomsten  Tal om vejret  Korte sætninger  Tydelig tale  Gentag centrale budskaber</vt:lpstr>
      <vt:lpstr>PowerPoint-præsentation</vt:lpstr>
      <vt:lpstr>Farmakologisk behandling</vt:lpstr>
      <vt:lpstr>PowerPoint-præsentation</vt:lpstr>
      <vt:lpstr>PowerPoint-præsentation</vt:lpstr>
      <vt:lpstr>Farmakologisk behandling</vt:lpstr>
      <vt:lpstr>Hvilken medicin skal du vælge?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Farmakologisk behandling</vt:lpstr>
      <vt:lpstr>PowerPoint-præsentation</vt:lpstr>
      <vt:lpstr>PowerPoint-præsentation</vt:lpstr>
      <vt:lpstr>PowerPoint-præsentation</vt:lpstr>
      <vt:lpstr>Håndtering</vt:lpstr>
      <vt:lpstr>PowerPoint-præsentation</vt:lpstr>
      <vt:lpstr>Delir blomsten  Tal om vejret  Korte sætninger  Tydelig tale  Gentag centrale budskaber</vt:lpstr>
      <vt:lpstr>Farmakologisk behandling</vt:lpstr>
      <vt:lpstr>PowerPoint-præsentation</vt:lpstr>
      <vt:lpstr>PowerPoint-præsentation</vt:lpstr>
      <vt:lpstr>Hvilken medicin skal du vælge?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Farmakologisk behandling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3-03-29T08:36:17Z</dcterms:created>
  <dcterms:modified xsi:type="dcterms:W3CDTF">2024-04-24T20:12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4-04T13:19:01.8314122Z</vt:lpwstr>
  </property>
  <property fmtid="{D5CDD505-2E9C-101B-9397-08002B2CF9AE}" pid="3" name="TemplafyTenantId">
    <vt:lpwstr>regionh</vt:lpwstr>
  </property>
  <property fmtid="{D5CDD505-2E9C-101B-9397-08002B2CF9AE}" pid="4" name="TemplafyTemplateId">
    <vt:lpwstr>638181929702914047</vt:lpwstr>
  </property>
  <property fmtid="{D5CDD505-2E9C-101B-9397-08002B2CF9AE}" pid="5" name="TemplafyUserProfileId">
    <vt:lpwstr>638055748990548025</vt:lpwstr>
  </property>
  <property fmtid="{D5CDD505-2E9C-101B-9397-08002B2CF9AE}" pid="6" name="TemplafyLanguageCode">
    <vt:lpwstr>da-DK</vt:lpwstr>
  </property>
</Properties>
</file>